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2025\s4004\04_給付G\様式・手引き等\様式（短期給付）\00_過去ver_編集中やボツもここ\20250808_文字列置換済\"/>
    </mc:Choice>
  </mc:AlternateContent>
  <bookViews>
    <workbookView xWindow="396" yWindow="-36" windowWidth="15480" windowHeight="11028" firstSheet="2" activeTab="3"/>
  </bookViews>
  <sheets>
    <sheet name="（没）支給申請書" sheetId="23" state="hidden" r:id="rId1"/>
    <sheet name="支給申請書 (没)" sheetId="25" state="hidden" r:id="rId2"/>
    <sheet name="申請書" sheetId="27" r:id="rId3"/>
    <sheet name="記入例" sheetId="32" r:id="rId4"/>
    <sheet name="ボツ支給申請" sheetId="10" state="hidden" r:id="rId5"/>
    <sheet name="支給（不支給）決定通知書（元）" sheetId="5" state="hidden" r:id="rId6"/>
  </sheets>
  <definedNames>
    <definedName name="_xlnm.Print_Area" localSheetId="0">'（没）支給申請書'!$B$1:$DE$85</definedName>
    <definedName name="_xlnm.Print_Area" localSheetId="4">ボツ支給申請!$B$1:$CT$72</definedName>
    <definedName name="_xlnm.Print_Area" localSheetId="3">記入例!$B$1:$DC$35</definedName>
    <definedName name="_xlnm.Print_Area" localSheetId="5">'支給（不支給）決定通知書（元）'!$A$1:$AZ$70</definedName>
    <definedName name="_xlnm.Print_Area" localSheetId="1">'支給申請書 (没)'!$B$1:$DA$100</definedName>
    <definedName name="_xlnm.Print_Area" localSheetId="2">申請書!$A$1:$DB$78</definedName>
  </definedNames>
  <calcPr calcId="101716"/>
</workbook>
</file>

<file path=xl/sharedStrings.xml><?xml version="1.0" encoding="utf-8"?>
<sst xmlns="http://schemas.openxmlformats.org/spreadsheetml/2006/main" count="723" uniqueCount="306">
  <si>
    <t>２．被扶養者に係る記入欄について</t>
    <rPh sb="2" eb="6">
      <t>ヒフヨウシャ</t>
    </rPh>
    <rPh sb="7" eb="8">
      <t>カカ</t>
    </rPh>
    <rPh sb="9" eb="12">
      <t>キニュウラン</t>
    </rPh>
    <phoneticPr fontId="3"/>
  </si>
  <si>
    <t>自己負担額証明書の交付申請を行う場合は、当該証明書の証明対象期間において被扶養者であった者について記入してください。なお、この場合は※３については記入不要です。</t>
    <rPh sb="0" eb="2">
      <t>ジコ</t>
    </rPh>
    <rPh sb="2" eb="5">
      <t>フタンガク</t>
    </rPh>
    <rPh sb="5" eb="8">
      <t>ショウメイショ</t>
    </rPh>
    <rPh sb="9" eb="11">
      <t>コウフ</t>
    </rPh>
    <rPh sb="11" eb="13">
      <t>シンセイ</t>
    </rPh>
    <rPh sb="14" eb="15">
      <t>オコナ</t>
    </rPh>
    <rPh sb="16" eb="18">
      <t>バアイ</t>
    </rPh>
    <rPh sb="20" eb="22">
      <t>トウガイ</t>
    </rPh>
    <rPh sb="22" eb="25">
      <t>ショウメイショ</t>
    </rPh>
    <rPh sb="26" eb="28">
      <t>ショウメイ</t>
    </rPh>
    <rPh sb="28" eb="30">
      <t>タイショウ</t>
    </rPh>
    <rPh sb="30" eb="32">
      <t>キカン</t>
    </rPh>
    <rPh sb="36" eb="40">
      <t>ヒフヨウシャ</t>
    </rPh>
    <rPh sb="44" eb="45">
      <t>シャ</t>
    </rPh>
    <rPh sb="49" eb="51">
      <t>キニュウ</t>
    </rPh>
    <rPh sb="63" eb="65">
      <t>バアイ</t>
    </rPh>
    <rPh sb="73" eb="75">
      <t>キニュウ</t>
    </rPh>
    <rPh sb="75" eb="77">
      <t>フヨウ</t>
    </rPh>
    <phoneticPr fontId="3"/>
  </si>
  <si>
    <t>３．備考欄について</t>
    <rPh sb="2" eb="5">
      <t>ビコウラン</t>
    </rPh>
    <phoneticPr fontId="3"/>
  </si>
  <si>
    <t>＊　自己負担額証明書の添付について（計算期間の末日に加入する保険者への申請）</t>
    <rPh sb="2" eb="4">
      <t>ジコ</t>
    </rPh>
    <rPh sb="4" eb="7">
      <t>フタンガク</t>
    </rPh>
    <rPh sb="7" eb="10">
      <t>ショウメイショ</t>
    </rPh>
    <rPh sb="11" eb="13">
      <t>テンプ</t>
    </rPh>
    <rPh sb="18" eb="20">
      <t>ケイサン</t>
    </rPh>
    <rPh sb="20" eb="22">
      <t>キカン</t>
    </rPh>
    <rPh sb="23" eb="25">
      <t>マツジツ</t>
    </rPh>
    <rPh sb="26" eb="28">
      <t>カニュウ</t>
    </rPh>
    <rPh sb="30" eb="33">
      <t>ホケンシャ</t>
    </rPh>
    <rPh sb="35" eb="37">
      <t>シンセイ</t>
    </rPh>
    <phoneticPr fontId="3"/>
  </si>
  <si>
    <t>健康保険・船員保険・共済においては、被扶養者として受診した医療の自己負担は、その者を扶養する被保険者（組合員）が負担したものとして取り扱われます。そのため、被扶養者として加入した期間については、当該被扶養者としての自己負担額はありません。この場合には、「添付の自己負担額証明書整理番号」欄には「添付なし」と記入してください。</t>
    <rPh sb="121" eb="123">
      <t>バアイ</t>
    </rPh>
    <phoneticPr fontId="3"/>
  </si>
  <si>
    <t xml:space="preserve">申請者及び計算期間の末日において被扶養者であった者について、それぞれ加入履歴に記入された期間に自己負担額がある場合には、これに係る自己負担額証明書の添付が必要です。
ただし、次のことに注意してください。
</t>
    <rPh sb="0" eb="3">
      <t>シンセイシャ</t>
    </rPh>
    <rPh sb="3" eb="4">
      <t>オヨ</t>
    </rPh>
    <rPh sb="5" eb="7">
      <t>ケイサン</t>
    </rPh>
    <rPh sb="7" eb="9">
      <t>キカン</t>
    </rPh>
    <rPh sb="10" eb="12">
      <t>マツジツ</t>
    </rPh>
    <rPh sb="16" eb="20">
      <t>ヒフヨウシャ</t>
    </rPh>
    <rPh sb="24" eb="25">
      <t>シャ</t>
    </rPh>
    <rPh sb="34" eb="36">
      <t>カニュウ</t>
    </rPh>
    <rPh sb="36" eb="38">
      <t>リレキ</t>
    </rPh>
    <rPh sb="39" eb="41">
      <t>キニュウ</t>
    </rPh>
    <rPh sb="44" eb="46">
      <t>キカン</t>
    </rPh>
    <rPh sb="47" eb="49">
      <t>ジコ</t>
    </rPh>
    <rPh sb="49" eb="52">
      <t>フタンガク</t>
    </rPh>
    <rPh sb="55" eb="57">
      <t>バアイ</t>
    </rPh>
    <rPh sb="63" eb="64">
      <t>カカ</t>
    </rPh>
    <rPh sb="65" eb="67">
      <t>ジコ</t>
    </rPh>
    <rPh sb="67" eb="70">
      <t>フタンガク</t>
    </rPh>
    <rPh sb="70" eb="73">
      <t>ショウメイショ</t>
    </rPh>
    <rPh sb="74" eb="76">
      <t>テンプ</t>
    </rPh>
    <rPh sb="77" eb="79">
      <t>ヒツヨウ</t>
    </rPh>
    <rPh sb="87" eb="88">
      <t>ツギ</t>
    </rPh>
    <rPh sb="92" eb="94">
      <t>チュウイ</t>
    </rPh>
    <phoneticPr fontId="3"/>
  </si>
  <si>
    <t>国民健康保険においては、その世帯に属する者が受けた医療の自己負担は、その世帯主が負担したものとして取り扱われます。そのため、世帯主以外の世帯員として国民健康保険に加入した期間については、当該世帯員としての自己負担額はありません。この場合には、「添付の自己負担額証明書整理番号」欄には「添付なし」と記入してください。</t>
    <rPh sb="62" eb="65">
      <t>セタイヌシ</t>
    </rPh>
    <rPh sb="65" eb="67">
      <t>イガイ</t>
    </rPh>
    <rPh sb="68" eb="71">
      <t>セタイイン</t>
    </rPh>
    <rPh sb="74" eb="76">
      <t>コクミン</t>
    </rPh>
    <rPh sb="76" eb="78">
      <t>ケンコウ</t>
    </rPh>
    <rPh sb="78" eb="80">
      <t>ホケン</t>
    </rPh>
    <rPh sb="81" eb="83">
      <t>カニュウ</t>
    </rPh>
    <rPh sb="85" eb="87">
      <t>キカン</t>
    </rPh>
    <rPh sb="93" eb="95">
      <t>トウガイ</t>
    </rPh>
    <rPh sb="95" eb="98">
      <t>セタイイン</t>
    </rPh>
    <rPh sb="102" eb="104">
      <t>ジコ</t>
    </rPh>
    <rPh sb="104" eb="107">
      <t>フタンガク</t>
    </rPh>
    <rPh sb="116" eb="118">
      <t>バアイ</t>
    </rPh>
    <rPh sb="122" eb="124">
      <t>テンプ</t>
    </rPh>
    <rPh sb="125" eb="127">
      <t>ジコ</t>
    </rPh>
    <rPh sb="127" eb="130">
      <t>フタンガク</t>
    </rPh>
    <rPh sb="130" eb="133">
      <t>ショウメイショ</t>
    </rPh>
    <rPh sb="133" eb="135">
      <t>セイリ</t>
    </rPh>
    <rPh sb="135" eb="137">
      <t>バンゴウ</t>
    </rPh>
    <rPh sb="138" eb="139">
      <t>ラン</t>
    </rPh>
    <rPh sb="142" eb="144">
      <t>テンプ</t>
    </rPh>
    <rPh sb="148" eb="150">
      <t>キニュウ</t>
    </rPh>
    <phoneticPr fontId="3"/>
  </si>
  <si>
    <t>４．その他</t>
    <rPh sb="4" eb="5">
      <t>タ</t>
    </rPh>
    <phoneticPr fontId="3"/>
  </si>
  <si>
    <t>申請者の加入履歴欄や被扶養者に係る記入欄などが足りない場合は、２枚目以降に記入してください。その場合、右上の頁欄に全体の枚数と何枚目かを記載してください。</t>
    <rPh sb="0" eb="3">
      <t>シンセイシャ</t>
    </rPh>
    <rPh sb="4" eb="6">
      <t>カニュウ</t>
    </rPh>
    <rPh sb="6" eb="8">
      <t>リレキ</t>
    </rPh>
    <rPh sb="8" eb="9">
      <t>ラン</t>
    </rPh>
    <rPh sb="10" eb="14">
      <t>ヒフヨウシャ</t>
    </rPh>
    <rPh sb="15" eb="16">
      <t>カカ</t>
    </rPh>
    <rPh sb="17" eb="20">
      <t>キニュウラン</t>
    </rPh>
    <rPh sb="23" eb="24">
      <t>タ</t>
    </rPh>
    <rPh sb="27" eb="29">
      <t>バアイ</t>
    </rPh>
    <rPh sb="32" eb="33">
      <t>マイ</t>
    </rPh>
    <rPh sb="33" eb="34">
      <t>メ</t>
    </rPh>
    <rPh sb="34" eb="36">
      <t>イコウ</t>
    </rPh>
    <rPh sb="37" eb="39">
      <t>キニュウ</t>
    </rPh>
    <rPh sb="48" eb="50">
      <t>バアイ</t>
    </rPh>
    <rPh sb="51" eb="53">
      <t>ミギウエ</t>
    </rPh>
    <rPh sb="54" eb="55">
      <t>ページ</t>
    </rPh>
    <rPh sb="55" eb="56">
      <t>ラン</t>
    </rPh>
    <rPh sb="57" eb="59">
      <t>ゼンタイ</t>
    </rPh>
    <rPh sb="60" eb="62">
      <t>マイスウ</t>
    </rPh>
    <rPh sb="63" eb="64">
      <t>ナン</t>
    </rPh>
    <rPh sb="64" eb="66">
      <t>マイメ</t>
    </rPh>
    <rPh sb="68" eb="70">
      <t>キサイ</t>
    </rPh>
    <phoneticPr fontId="3"/>
  </si>
  <si>
    <t>計算期間の始期及び終期</t>
    <phoneticPr fontId="3"/>
  </si>
  <si>
    <t>　　　　　　　年　　　月　～　　　　　　年　　　月</t>
    <phoneticPr fontId="3"/>
  </si>
  <si>
    <t>保険者番号</t>
    <rPh sb="0" eb="3">
      <t>ホケンシャ</t>
    </rPh>
    <rPh sb="3" eb="5">
      <t>バンゴウ</t>
    </rPh>
    <phoneticPr fontId="3"/>
  </si>
  <si>
    <t>生年月日</t>
    <rPh sb="0" eb="2">
      <t>セイネン</t>
    </rPh>
    <rPh sb="2" eb="4">
      <t>ガッピ</t>
    </rPh>
    <phoneticPr fontId="3"/>
  </si>
  <si>
    <t>住所</t>
    <rPh sb="0" eb="2">
      <t>ジュウショ</t>
    </rPh>
    <phoneticPr fontId="3"/>
  </si>
  <si>
    <t>性別</t>
    <rPh sb="0" eb="2">
      <t>セイベツ</t>
    </rPh>
    <phoneticPr fontId="3"/>
  </si>
  <si>
    <t xml:space="preserve"> 年　　　月　　　日</t>
    <rPh sb="1" eb="2">
      <t>ネン</t>
    </rPh>
    <rPh sb="5" eb="6">
      <t>ツキ</t>
    </rPh>
    <rPh sb="9" eb="10">
      <t>ヒ</t>
    </rPh>
    <phoneticPr fontId="3"/>
  </si>
  <si>
    <t>印</t>
    <rPh sb="0" eb="1">
      <t>イン</t>
    </rPh>
    <phoneticPr fontId="3"/>
  </si>
  <si>
    <t>銀行
信用金庫
信用組合</t>
    <rPh sb="0" eb="2">
      <t>ギンコウ</t>
    </rPh>
    <rPh sb="3" eb="5">
      <t>シンヨウ</t>
    </rPh>
    <rPh sb="5" eb="7">
      <t>キンコ</t>
    </rPh>
    <rPh sb="8" eb="10">
      <t>シンヨウ</t>
    </rPh>
    <rPh sb="10" eb="12">
      <t>クミアイ</t>
    </rPh>
    <phoneticPr fontId="3"/>
  </si>
  <si>
    <t>口座番号</t>
    <rPh sb="0" eb="2">
      <t>コウザ</t>
    </rPh>
    <rPh sb="2" eb="4">
      <t>バンゴウ</t>
    </rPh>
    <phoneticPr fontId="3"/>
  </si>
  <si>
    <t>金融機関コード</t>
    <rPh sb="0" eb="2">
      <t>キンユウ</t>
    </rPh>
    <rPh sb="2" eb="4">
      <t>キカン</t>
    </rPh>
    <phoneticPr fontId="3"/>
  </si>
  <si>
    <t>店舗コード</t>
    <rPh sb="0" eb="2">
      <t>テンポ</t>
    </rPh>
    <phoneticPr fontId="3"/>
  </si>
  <si>
    <t>口座名義人</t>
    <rPh sb="0" eb="2">
      <t>コウザ</t>
    </rPh>
    <rPh sb="2" eb="4">
      <t>メイギ</t>
    </rPh>
    <rPh sb="4" eb="5">
      <t>ニン</t>
    </rPh>
    <phoneticPr fontId="3"/>
  </si>
  <si>
    <t>備考</t>
    <rPh sb="0" eb="2">
      <t>ビコウ</t>
    </rPh>
    <phoneticPr fontId="3"/>
  </si>
  <si>
    <t>問い合わせ先</t>
  </si>
  <si>
    <t>〒123-45XX</t>
  </si>
  <si>
    <t>○○県××市□□□１－２－３</t>
  </si>
  <si>
    <t>××市</t>
  </si>
  <si>
    <t>介護保険課</t>
  </si>
  <si>
    <t>電話番号</t>
  </si>
  <si>
    <t>XXX(XXX)XXXX</t>
  </si>
  <si>
    <t>先に申請のありました給付費については、下記のとおり決定しましたので通知します。</t>
  </si>
  <si>
    <t>被保険者氏名</t>
  </si>
  <si>
    <t>被保険者番号</t>
  </si>
  <si>
    <t>サービス提供年月</t>
    <rPh sb="4" eb="6">
      <t>テイキョウ</t>
    </rPh>
    <rPh sb="6" eb="8">
      <t>ネンゲツ</t>
    </rPh>
    <phoneticPr fontId="3"/>
  </si>
  <si>
    <t>平成</t>
  </si>
  <si>
    <t>年</t>
  </si>
  <si>
    <t>月</t>
  </si>
  <si>
    <t>～</t>
    <phoneticPr fontId="3"/>
  </si>
  <si>
    <t>受付年月日</t>
  </si>
  <si>
    <t>日</t>
  </si>
  <si>
    <t>決定年月日</t>
  </si>
  <si>
    <t>本人支払額</t>
    <phoneticPr fontId="3"/>
  </si>
  <si>
    <t>円</t>
  </si>
  <si>
    <t>給付の種類</t>
  </si>
  <si>
    <t>支給</t>
  </si>
  <si>
    <t>支給金額</t>
  </si>
  <si>
    <t>不支給の理由</t>
  </si>
  <si>
    <t>支　払　方　法</t>
  </si>
  <si>
    <t>*  *  *</t>
    <phoneticPr fontId="3"/>
  </si>
  <si>
    <t>口  座  払</t>
  </si>
  <si>
    <t>お持ち
いただくもの　</t>
  </si>
  <si>
    <t>・</t>
  </si>
  <si>
    <t>この通知書</t>
  </si>
  <si>
    <t>振込先</t>
  </si>
  <si>
    <t>金融機関</t>
  </si>
  <si>
    <t>介護保険被保険者証</t>
  </si>
  <si>
    <t>申請書に使用した印鑑</t>
  </si>
  <si>
    <t>口座種目</t>
  </si>
  <si>
    <t>支払場所</t>
  </si>
  <si>
    <t>口座番号</t>
  </si>
  <si>
    <t>支払期間</t>
  </si>
  <si>
    <t>口座名義人</t>
  </si>
  <si>
    <t>１　この決定について不服があるときは、この通知書を受け取った日の翌日から起算して６０日以内に、</t>
    <phoneticPr fontId="3"/>
  </si>
  <si>
    <t>○○国民健康保険審査会及び○○介護保険審査会に審査請求をすることができます。</t>
    <rPh sb="2" eb="4">
      <t>コクミン</t>
    </rPh>
    <rPh sb="4" eb="6">
      <t>ケンコウ</t>
    </rPh>
    <rPh sb="11" eb="12">
      <t>オヨ</t>
    </rPh>
    <phoneticPr fontId="3"/>
  </si>
  <si>
    <t>２　この決定の取消しを求める訴訟は、次の（１）から（３）までのいずれかに該当する場合を除き、</t>
    <phoneticPr fontId="3"/>
  </si>
  <si>
    <t>審査請求に対する裁決を経て、裁決があったことを知った日の翌日から起算して６箇月以内に、□□に</t>
    <phoneticPr fontId="3"/>
  </si>
  <si>
    <t>対して提起することができます。</t>
  </si>
  <si>
    <t>（１）   審査請求があった日から３箇月を経過しても裁決がないとき。</t>
  </si>
  <si>
    <t>（２）   決定、決定の執行又は手続きの続行による著しい損害を避けるための緊急の必要があるとき。</t>
  </si>
  <si>
    <t>（３）   その他裁決を経ないことにつき正当の理由があるとき。</t>
  </si>
  <si>
    <t>（</t>
  </si>
  <si>
    <t>）</t>
  </si>
  <si>
    <r>
      <t>高額介護合算療養費　支給（不支給）決定通知書</t>
    </r>
    <r>
      <rPr>
        <sz val="16"/>
        <rFont val="ＭＳ ゴシック"/>
        <family val="3"/>
        <charset val="128"/>
      </rPr>
      <t>（案）</t>
    </r>
    <rPh sb="0" eb="2">
      <t>コウガク</t>
    </rPh>
    <rPh sb="2" eb="4">
      <t>カイゴ</t>
    </rPh>
    <rPh sb="4" eb="6">
      <t>ガッサン</t>
    </rPh>
    <rPh sb="6" eb="8">
      <t>リョウヨウ</t>
    </rPh>
    <rPh sb="8" eb="9">
      <t>ヒ</t>
    </rPh>
    <rPh sb="23" eb="24">
      <t>アン</t>
    </rPh>
    <phoneticPr fontId="3"/>
  </si>
  <si>
    <t>氏名</t>
    <rPh sb="0" eb="2">
      <t>シメイ</t>
    </rPh>
    <phoneticPr fontId="3"/>
  </si>
  <si>
    <t>被保険者証記号</t>
    <rPh sb="0" eb="4">
      <t>ヒホケンシャ</t>
    </rPh>
    <rPh sb="4" eb="5">
      <t>ショウ</t>
    </rPh>
    <rPh sb="5" eb="7">
      <t>キゴウ</t>
    </rPh>
    <phoneticPr fontId="3"/>
  </si>
  <si>
    <t>被保険者証番号</t>
    <rPh sb="0" eb="4">
      <t>ヒホケンシャ</t>
    </rPh>
    <rPh sb="4" eb="5">
      <t>ショウ</t>
    </rPh>
    <rPh sb="5" eb="7">
      <t>バンゴウ</t>
    </rPh>
    <phoneticPr fontId="3"/>
  </si>
  <si>
    <t>申請対象年度</t>
    <rPh sb="0" eb="2">
      <t>シンセイ</t>
    </rPh>
    <rPh sb="2" eb="4">
      <t>タイショウ</t>
    </rPh>
    <rPh sb="4" eb="6">
      <t>ネンド</t>
    </rPh>
    <phoneticPr fontId="3"/>
  </si>
  <si>
    <t>国民健康保険資格情報</t>
    <rPh sb="0" eb="2">
      <t>コクミン</t>
    </rPh>
    <rPh sb="2" eb="4">
      <t>ケンコウ</t>
    </rPh>
    <rPh sb="4" eb="6">
      <t>ホケン</t>
    </rPh>
    <rPh sb="6" eb="8">
      <t>シカク</t>
    </rPh>
    <rPh sb="8" eb="10">
      <t>ジョウホウ</t>
    </rPh>
    <phoneticPr fontId="3"/>
  </si>
  <si>
    <t>後期高齢者医療資格情報</t>
    <rPh sb="0" eb="2">
      <t>コウキ</t>
    </rPh>
    <rPh sb="2" eb="5">
      <t>コウレイシャ</t>
    </rPh>
    <rPh sb="5" eb="7">
      <t>イリョウ</t>
    </rPh>
    <rPh sb="7" eb="9">
      <t>シカク</t>
    </rPh>
    <rPh sb="9" eb="11">
      <t>ジョウホウ</t>
    </rPh>
    <phoneticPr fontId="3"/>
  </si>
  <si>
    <t>頁欄</t>
    <rPh sb="0" eb="1">
      <t>ページ</t>
    </rPh>
    <rPh sb="1" eb="2">
      <t>ラン</t>
    </rPh>
    <phoneticPr fontId="3"/>
  </si>
  <si>
    <t>枚中</t>
    <rPh sb="0" eb="1">
      <t>マイ</t>
    </rPh>
    <rPh sb="1" eb="2">
      <t>チュウ</t>
    </rPh>
    <phoneticPr fontId="3"/>
  </si>
  <si>
    <t>枚目</t>
    <rPh sb="0" eb="2">
      <t>マイメ</t>
    </rPh>
    <phoneticPr fontId="3"/>
  </si>
  <si>
    <t>　 ②　上記対象者について、自己負担額証明書の交付を申請します。</t>
    <rPh sb="4" eb="6">
      <t>ジョウキ</t>
    </rPh>
    <rPh sb="6" eb="8">
      <t>タイショウ</t>
    </rPh>
    <rPh sb="8" eb="9">
      <t>シャ</t>
    </rPh>
    <rPh sb="14" eb="16">
      <t>ジコ</t>
    </rPh>
    <rPh sb="16" eb="18">
      <t>フタン</t>
    </rPh>
    <rPh sb="18" eb="19">
      <t>ガク</t>
    </rPh>
    <rPh sb="19" eb="22">
      <t>ショウメイショ</t>
    </rPh>
    <rPh sb="23" eb="25">
      <t>コウフ</t>
    </rPh>
    <rPh sb="26" eb="28">
      <t>シンセイ</t>
    </rPh>
    <phoneticPr fontId="3"/>
  </si>
  <si>
    <t>本店
支店
出張所</t>
    <rPh sb="0" eb="2">
      <t>ホンテン</t>
    </rPh>
    <rPh sb="3" eb="5">
      <t>シテン</t>
    </rPh>
    <rPh sb="6" eb="8">
      <t>シュッチョウ</t>
    </rPh>
    <rPh sb="8" eb="9">
      <t>ジョ</t>
    </rPh>
    <phoneticPr fontId="3"/>
  </si>
  <si>
    <t>種目</t>
    <rPh sb="0" eb="2">
      <t>シュモク</t>
    </rPh>
    <phoneticPr fontId="3"/>
  </si>
  <si>
    <t>郵便番号</t>
    <rPh sb="0" eb="4">
      <t>ユウビンバンゴウ</t>
    </rPh>
    <phoneticPr fontId="3"/>
  </si>
  <si>
    <t>高額介護合算療養費等支給申請書兼自己負担額証明書交付申請書（案）</t>
    <rPh sb="2" eb="4">
      <t>カイゴ</t>
    </rPh>
    <rPh sb="4" eb="6">
      <t>ガッサン</t>
    </rPh>
    <rPh sb="9" eb="10">
      <t>トウ</t>
    </rPh>
    <rPh sb="15" eb="16">
      <t>ケン</t>
    </rPh>
    <rPh sb="16" eb="18">
      <t>ジコ</t>
    </rPh>
    <rPh sb="18" eb="20">
      <t>フタン</t>
    </rPh>
    <rPh sb="20" eb="21">
      <t>ガク</t>
    </rPh>
    <rPh sb="21" eb="24">
      <t>ショウメイショ</t>
    </rPh>
    <rPh sb="24" eb="26">
      <t>コウフ</t>
    </rPh>
    <rPh sb="26" eb="29">
      <t>シンセイショ</t>
    </rPh>
    <phoneticPr fontId="3"/>
  </si>
  <si>
    <t>○○県○○市△△町1-1</t>
    <rPh sb="2" eb="3">
      <t>ケン</t>
    </rPh>
    <rPh sb="5" eb="6">
      <t>シ</t>
    </rPh>
    <phoneticPr fontId="3"/>
  </si>
  <si>
    <t>○○市長　　国保太郎　殿</t>
    <rPh sb="2" eb="4">
      <t>シチョウ</t>
    </rPh>
    <rPh sb="6" eb="8">
      <t>コクホ</t>
    </rPh>
    <rPh sb="8" eb="10">
      <t>タロウ</t>
    </rPh>
    <rPh sb="11" eb="12">
      <t>ドノ</t>
    </rPh>
    <phoneticPr fontId="3"/>
  </si>
  <si>
    <t>　 ①　上記対象者について、高額介護合算療養費（高額医療合算介護（予防）サービス費）の支給を申請します。</t>
    <rPh sb="4" eb="6">
      <t>ジョウキ</t>
    </rPh>
    <rPh sb="6" eb="8">
      <t>タイショウ</t>
    </rPh>
    <rPh sb="8" eb="9">
      <t>シャ</t>
    </rPh>
    <rPh sb="14" eb="16">
      <t>コウガク</t>
    </rPh>
    <rPh sb="16" eb="18">
      <t>カイゴ</t>
    </rPh>
    <rPh sb="18" eb="20">
      <t>ガッサン</t>
    </rPh>
    <rPh sb="20" eb="22">
      <t>リョウヨウ</t>
    </rPh>
    <rPh sb="22" eb="23">
      <t>ヒ</t>
    </rPh>
    <rPh sb="24" eb="26">
      <t>コウガク</t>
    </rPh>
    <rPh sb="26" eb="28">
      <t>イリョウ</t>
    </rPh>
    <rPh sb="28" eb="30">
      <t>ガッサン</t>
    </rPh>
    <rPh sb="30" eb="32">
      <t>カイゴ</t>
    </rPh>
    <rPh sb="33" eb="35">
      <t>ヨボウ</t>
    </rPh>
    <rPh sb="40" eb="41">
      <t>ヒ</t>
    </rPh>
    <rPh sb="43" eb="45">
      <t>シキュウ</t>
    </rPh>
    <rPh sb="46" eb="48">
      <t>シンセイ</t>
    </rPh>
    <phoneticPr fontId="3"/>
  </si>
  <si>
    <t>フリガナ</t>
    <phoneticPr fontId="3"/>
  </si>
  <si>
    <t>１．この用紙は、日本工業規格Ａ列４番とすること。</t>
    <rPh sb="4" eb="6">
      <t>ヨウシ</t>
    </rPh>
    <rPh sb="8" eb="10">
      <t>ニホン</t>
    </rPh>
    <rPh sb="10" eb="12">
      <t>コウギョウ</t>
    </rPh>
    <rPh sb="12" eb="14">
      <t>キカク</t>
    </rPh>
    <rPh sb="15" eb="16">
      <t>レツ</t>
    </rPh>
    <rPh sb="17" eb="18">
      <t>バン</t>
    </rPh>
    <phoneticPr fontId="3"/>
  </si>
  <si>
    <t>添付の自己負担額証明書整理番号①</t>
    <rPh sb="0" eb="2">
      <t>テンプ</t>
    </rPh>
    <rPh sb="3" eb="5">
      <t>ジコ</t>
    </rPh>
    <rPh sb="5" eb="7">
      <t>フタン</t>
    </rPh>
    <rPh sb="7" eb="8">
      <t>ガク</t>
    </rPh>
    <rPh sb="8" eb="10">
      <t>ショウメイ</t>
    </rPh>
    <rPh sb="10" eb="11">
      <t>ショ</t>
    </rPh>
    <rPh sb="11" eb="13">
      <t>セイリ</t>
    </rPh>
    <rPh sb="13" eb="15">
      <t>バンゴウ</t>
    </rPh>
    <phoneticPr fontId="3"/>
  </si>
  <si>
    <t>添付の自己負担額証明書整理番号②</t>
    <rPh sb="0" eb="2">
      <t>テンプ</t>
    </rPh>
    <rPh sb="3" eb="5">
      <t>ジコ</t>
    </rPh>
    <rPh sb="5" eb="7">
      <t>フタン</t>
    </rPh>
    <rPh sb="7" eb="8">
      <t>ガク</t>
    </rPh>
    <rPh sb="8" eb="10">
      <t>ショウメイ</t>
    </rPh>
    <rPh sb="10" eb="11">
      <t>ショ</t>
    </rPh>
    <rPh sb="11" eb="13">
      <t>セイリ</t>
    </rPh>
    <rPh sb="13" eb="15">
      <t>バンゴウ</t>
    </rPh>
    <phoneticPr fontId="3"/>
  </si>
  <si>
    <t>平成　○○　年度</t>
    <rPh sb="0" eb="2">
      <t>ヘイセイ</t>
    </rPh>
    <rPh sb="6" eb="8">
      <t>ネンド</t>
    </rPh>
    <phoneticPr fontId="3"/>
  </si>
  <si>
    <t>年　　月　　日　生</t>
    <rPh sb="0" eb="1">
      <t>ネン</t>
    </rPh>
    <rPh sb="3" eb="4">
      <t>ツキ</t>
    </rPh>
    <rPh sb="6" eb="7">
      <t>ニチ</t>
    </rPh>
    <rPh sb="8" eb="9">
      <t>ウ</t>
    </rPh>
    <phoneticPr fontId="3"/>
  </si>
  <si>
    <t>添付の自己負担額証明書整理番号③</t>
    <rPh sb="0" eb="2">
      <t>テンプ</t>
    </rPh>
    <rPh sb="3" eb="5">
      <t>ジコ</t>
    </rPh>
    <rPh sb="5" eb="7">
      <t>フタン</t>
    </rPh>
    <rPh sb="7" eb="8">
      <t>ガク</t>
    </rPh>
    <rPh sb="8" eb="10">
      <t>ショウメイ</t>
    </rPh>
    <rPh sb="10" eb="11">
      <t>ショ</t>
    </rPh>
    <rPh sb="11" eb="13">
      <t>セイリ</t>
    </rPh>
    <rPh sb="13" eb="15">
      <t>バンゴウ</t>
    </rPh>
    <phoneticPr fontId="3"/>
  </si>
  <si>
    <t>申請代表者</t>
    <rPh sb="0" eb="2">
      <t>シンセイ</t>
    </rPh>
    <rPh sb="2" eb="4">
      <t>ダイヒョウ</t>
    </rPh>
    <rPh sb="4" eb="5">
      <t>シャ</t>
    </rPh>
    <phoneticPr fontId="3"/>
  </si>
  <si>
    <t>続柄</t>
    <rPh sb="0" eb="1">
      <t>ツヅ</t>
    </rPh>
    <rPh sb="1" eb="2">
      <t>ガラ</t>
    </rPh>
    <phoneticPr fontId="3"/>
  </si>
  <si>
    <t>振込口座
記 入 欄</t>
    <rPh sb="0" eb="2">
      <t>フリコ</t>
    </rPh>
    <rPh sb="2" eb="4">
      <t>コウザ</t>
    </rPh>
    <rPh sb="5" eb="6">
      <t>キ</t>
    </rPh>
    <rPh sb="7" eb="8">
      <t>イリ</t>
    </rPh>
    <rPh sb="9" eb="10">
      <t>ラン</t>
    </rPh>
    <phoneticPr fontId="3"/>
  </si>
  <si>
    <t>支給方法</t>
    <rPh sb="0" eb="2">
      <t>シキュウ</t>
    </rPh>
    <rPh sb="2" eb="4">
      <t>ホウホウ</t>
    </rPh>
    <phoneticPr fontId="3"/>
  </si>
  <si>
    <t>１</t>
    <phoneticPr fontId="3"/>
  </si>
  <si>
    <t>世帯番号</t>
    <rPh sb="0" eb="2">
      <t>セタイ</t>
    </rPh>
    <rPh sb="2" eb="4">
      <t>バンゴウ</t>
    </rPh>
    <phoneticPr fontId="3"/>
  </si>
  <si>
    <t>2.変更</t>
    <rPh sb="2" eb="4">
      <t>ヘンコウ</t>
    </rPh>
    <phoneticPr fontId="3"/>
  </si>
  <si>
    <t>1.新規</t>
    <rPh sb="2" eb="4">
      <t>シンキ</t>
    </rPh>
    <phoneticPr fontId="3"/>
  </si>
  <si>
    <t>加入期間</t>
    <rPh sb="0" eb="2">
      <t>カニュウ</t>
    </rPh>
    <rPh sb="2" eb="4">
      <t>キカン</t>
    </rPh>
    <phoneticPr fontId="3"/>
  </si>
  <si>
    <t>支給申請書整理番号</t>
    <rPh sb="0" eb="2">
      <t>シキュウ</t>
    </rPh>
    <rPh sb="2" eb="5">
      <t>シンセイショ</t>
    </rPh>
    <rPh sb="5" eb="7">
      <t>セイリ</t>
    </rPh>
    <rPh sb="7" eb="9">
      <t>バンゴウ</t>
    </rPh>
    <phoneticPr fontId="3"/>
  </si>
  <si>
    <t>申請区分</t>
    <rPh sb="0" eb="2">
      <t>シンセイ</t>
    </rPh>
    <rPh sb="2" eb="4">
      <t>クブン</t>
    </rPh>
    <phoneticPr fontId="3"/>
  </si>
  <si>
    <t>（保険者記入欄）</t>
    <rPh sb="1" eb="4">
      <t>ホケンシャ</t>
    </rPh>
    <rPh sb="4" eb="6">
      <t>キニュウ</t>
    </rPh>
    <rPh sb="6" eb="7">
      <t>ラン</t>
    </rPh>
    <phoneticPr fontId="3"/>
  </si>
  <si>
    <t>備考欄</t>
    <rPh sb="0" eb="2">
      <t>ビコウ</t>
    </rPh>
    <rPh sb="2" eb="3">
      <t>ラン</t>
    </rPh>
    <phoneticPr fontId="3"/>
  </si>
  <si>
    <t>１．高額介護合算療養費等支給申請について</t>
    <rPh sb="2" eb="4">
      <t>コウガク</t>
    </rPh>
    <rPh sb="4" eb="6">
      <t>カイゴ</t>
    </rPh>
    <rPh sb="6" eb="8">
      <t>ガッサン</t>
    </rPh>
    <rPh sb="8" eb="11">
      <t>リョウヨウヒ</t>
    </rPh>
    <rPh sb="11" eb="12">
      <t>トウ</t>
    </rPh>
    <rPh sb="12" eb="14">
      <t>シキュウ</t>
    </rPh>
    <rPh sb="14" eb="16">
      <t>シンセイ</t>
    </rPh>
    <phoneticPr fontId="3"/>
  </si>
  <si>
    <t>ご記入上の注意事項</t>
    <rPh sb="1" eb="3">
      <t>キニュウ</t>
    </rPh>
    <rPh sb="3" eb="4">
      <t>ジョウ</t>
    </rPh>
    <rPh sb="5" eb="7">
      <t>チュウイ</t>
    </rPh>
    <rPh sb="7" eb="9">
      <t>ジコウ</t>
    </rPh>
    <phoneticPr fontId="3"/>
  </si>
  <si>
    <t>（５）備考欄には、以下の事項を記載してください。</t>
    <rPh sb="3" eb="5">
      <t>ビコウ</t>
    </rPh>
    <rPh sb="5" eb="6">
      <t>ラン</t>
    </rPh>
    <rPh sb="9" eb="11">
      <t>イカ</t>
    </rPh>
    <rPh sb="12" eb="14">
      <t>ジコウ</t>
    </rPh>
    <rPh sb="15" eb="17">
      <t>キサイ</t>
    </rPh>
    <phoneticPr fontId="3"/>
  </si>
  <si>
    <t>（６）国民健康保険における高額介護合算療養費は、世帯主・世帯員の支給合計額が世帯主（擬制世帯主）の口座に振り込まれることとなりますので、ご留意下さい。</t>
    <rPh sb="3" eb="5">
      <t>コクミン</t>
    </rPh>
    <rPh sb="5" eb="7">
      <t>ケンコウ</t>
    </rPh>
    <rPh sb="7" eb="9">
      <t>ホケン</t>
    </rPh>
    <rPh sb="13" eb="15">
      <t>コウガク</t>
    </rPh>
    <rPh sb="15" eb="17">
      <t>カイゴ</t>
    </rPh>
    <rPh sb="17" eb="19">
      <t>ガッサン</t>
    </rPh>
    <rPh sb="19" eb="22">
      <t>リョウヨウヒ</t>
    </rPh>
    <rPh sb="24" eb="27">
      <t>セタイヌシ</t>
    </rPh>
    <rPh sb="28" eb="31">
      <t>セタイイン</t>
    </rPh>
    <rPh sb="38" eb="41">
      <t>セタイヌシ</t>
    </rPh>
    <rPh sb="42" eb="44">
      <t>ギセイ</t>
    </rPh>
    <rPh sb="44" eb="47">
      <t>セタイヌシ</t>
    </rPh>
    <rPh sb="49" eb="51">
      <t>コウザ</t>
    </rPh>
    <rPh sb="52" eb="53">
      <t>フ</t>
    </rPh>
    <rPh sb="54" eb="55">
      <t>コ</t>
    </rPh>
    <rPh sb="69" eb="71">
      <t>リュウイ</t>
    </rPh>
    <rPh sb="71" eb="72">
      <t>クダ</t>
    </rPh>
    <phoneticPr fontId="3"/>
  </si>
  <si>
    <t>　　　①計算期間の始期から終期の間に、申請書記載の医療保険者以外の医療保険者に加入していた場合、同医療保険者名と同医療保険への加入期間</t>
    <rPh sb="4" eb="6">
      <t>ケイサン</t>
    </rPh>
    <rPh sb="6" eb="8">
      <t>キカン</t>
    </rPh>
    <rPh sb="9" eb="11">
      <t>シキ</t>
    </rPh>
    <rPh sb="13" eb="15">
      <t>シュウキ</t>
    </rPh>
    <rPh sb="16" eb="17">
      <t>アイダ</t>
    </rPh>
    <rPh sb="19" eb="22">
      <t>シンセイショ</t>
    </rPh>
    <rPh sb="22" eb="24">
      <t>キサイ</t>
    </rPh>
    <rPh sb="25" eb="27">
      <t>イリョウ</t>
    </rPh>
    <rPh sb="27" eb="30">
      <t>ホケンシャ</t>
    </rPh>
    <rPh sb="30" eb="32">
      <t>イガイ</t>
    </rPh>
    <rPh sb="33" eb="35">
      <t>イリョウ</t>
    </rPh>
    <rPh sb="35" eb="37">
      <t>ホケン</t>
    </rPh>
    <rPh sb="37" eb="38">
      <t>シャ</t>
    </rPh>
    <rPh sb="39" eb="41">
      <t>カニュウ</t>
    </rPh>
    <rPh sb="45" eb="47">
      <t>バアイ</t>
    </rPh>
    <rPh sb="48" eb="49">
      <t>ドウ</t>
    </rPh>
    <rPh sb="49" eb="51">
      <t>イリョウ</t>
    </rPh>
    <rPh sb="51" eb="53">
      <t>ホケン</t>
    </rPh>
    <rPh sb="53" eb="54">
      <t>シャ</t>
    </rPh>
    <rPh sb="54" eb="55">
      <t>メイ</t>
    </rPh>
    <rPh sb="56" eb="57">
      <t>ドウ</t>
    </rPh>
    <rPh sb="57" eb="59">
      <t>イリョウ</t>
    </rPh>
    <rPh sb="59" eb="61">
      <t>ホケン</t>
    </rPh>
    <rPh sb="63" eb="65">
      <t>カニュウ</t>
    </rPh>
    <rPh sb="65" eb="67">
      <t>キカン</t>
    </rPh>
    <phoneticPr fontId="3"/>
  </si>
  <si>
    <t>　　　②申請書記載の医療保険被保険者の同医療保険での受診内容、及び①の医療保険加入時の受診内容</t>
    <rPh sb="4" eb="7">
      <t>シンセイショ</t>
    </rPh>
    <rPh sb="7" eb="9">
      <t>キサイ</t>
    </rPh>
    <rPh sb="10" eb="12">
      <t>イリョウ</t>
    </rPh>
    <rPh sb="12" eb="14">
      <t>ホケン</t>
    </rPh>
    <rPh sb="14" eb="18">
      <t>ヒホケンシャ</t>
    </rPh>
    <rPh sb="19" eb="20">
      <t>ドウ</t>
    </rPh>
    <rPh sb="20" eb="22">
      <t>イリョウ</t>
    </rPh>
    <rPh sb="22" eb="24">
      <t>ホケン</t>
    </rPh>
    <rPh sb="26" eb="28">
      <t>ジュシン</t>
    </rPh>
    <rPh sb="28" eb="30">
      <t>ナイヨウ</t>
    </rPh>
    <rPh sb="31" eb="32">
      <t>オヨ</t>
    </rPh>
    <rPh sb="35" eb="37">
      <t>イリョウ</t>
    </rPh>
    <rPh sb="37" eb="39">
      <t>ホケン</t>
    </rPh>
    <rPh sb="39" eb="41">
      <t>カニュウ</t>
    </rPh>
    <rPh sb="41" eb="42">
      <t>ジ</t>
    </rPh>
    <rPh sb="43" eb="45">
      <t>ジュシン</t>
    </rPh>
    <rPh sb="45" eb="47">
      <t>ナイヨウ</t>
    </rPh>
    <phoneticPr fontId="3"/>
  </si>
  <si>
    <t>（７）３名を超える対象者を記載する場合、複数枚に渡ることがわかるよう、右下の頁欄に全体の枚数と何枚目かを記載して下さい。</t>
    <rPh sb="4" eb="5">
      <t>メイ</t>
    </rPh>
    <rPh sb="6" eb="7">
      <t>コ</t>
    </rPh>
    <rPh sb="9" eb="12">
      <t>タイショウシャ</t>
    </rPh>
    <rPh sb="13" eb="15">
      <t>キサイ</t>
    </rPh>
    <rPh sb="17" eb="19">
      <t>バアイ</t>
    </rPh>
    <rPh sb="20" eb="22">
      <t>フクスウ</t>
    </rPh>
    <rPh sb="22" eb="23">
      <t>マイ</t>
    </rPh>
    <rPh sb="24" eb="25">
      <t>ワタ</t>
    </rPh>
    <rPh sb="35" eb="37">
      <t>ミギシタ</t>
    </rPh>
    <rPh sb="38" eb="39">
      <t>ページ</t>
    </rPh>
    <rPh sb="39" eb="40">
      <t>ラン</t>
    </rPh>
    <rPh sb="41" eb="43">
      <t>ゼンタイ</t>
    </rPh>
    <rPh sb="44" eb="46">
      <t>マイスウ</t>
    </rPh>
    <rPh sb="47" eb="50">
      <t>ナンマイメ</t>
    </rPh>
    <rPh sb="52" eb="54">
      <t>キサイ</t>
    </rPh>
    <rPh sb="56" eb="57">
      <t>クダ</t>
    </rPh>
    <phoneticPr fontId="3"/>
  </si>
  <si>
    <t>（８）介護保険被保険者証が交付されていない被保険者については、介護保険情報（保険者番号、被保険者番号、保険者の名称、加入期間）の記載は不要です。</t>
    <rPh sb="3" eb="5">
      <t>カイゴ</t>
    </rPh>
    <rPh sb="5" eb="7">
      <t>ホケン</t>
    </rPh>
    <rPh sb="7" eb="11">
      <t>ヒホケンシャ</t>
    </rPh>
    <rPh sb="11" eb="12">
      <t>ショウ</t>
    </rPh>
    <rPh sb="13" eb="15">
      <t>コウフ</t>
    </rPh>
    <rPh sb="21" eb="25">
      <t>ヒホケンシャ</t>
    </rPh>
    <rPh sb="31" eb="33">
      <t>カイゴ</t>
    </rPh>
    <rPh sb="33" eb="35">
      <t>ホケン</t>
    </rPh>
    <rPh sb="35" eb="37">
      <t>ジョウホウ</t>
    </rPh>
    <rPh sb="38" eb="41">
      <t>ホケンシャ</t>
    </rPh>
    <rPh sb="41" eb="43">
      <t>バンゴウ</t>
    </rPh>
    <rPh sb="44" eb="48">
      <t>ヒホケンシャ</t>
    </rPh>
    <rPh sb="48" eb="50">
      <t>バンゴウ</t>
    </rPh>
    <rPh sb="51" eb="54">
      <t>ホケンシャ</t>
    </rPh>
    <rPh sb="55" eb="57">
      <t>メイショウ</t>
    </rPh>
    <rPh sb="58" eb="60">
      <t>カニュウ</t>
    </rPh>
    <rPh sb="60" eb="62">
      <t>キカン</t>
    </rPh>
    <rPh sb="64" eb="66">
      <t>キサイ</t>
    </rPh>
    <rPh sb="67" eb="69">
      <t>フヨウ</t>
    </rPh>
    <phoneticPr fontId="3"/>
  </si>
  <si>
    <t>２．自己負担額証明書交付申請について</t>
    <rPh sb="2" eb="4">
      <t>ジコ</t>
    </rPh>
    <rPh sb="4" eb="6">
      <t>フタン</t>
    </rPh>
    <rPh sb="6" eb="7">
      <t>ガク</t>
    </rPh>
    <rPh sb="7" eb="10">
      <t>ショウメイショ</t>
    </rPh>
    <rPh sb="10" eb="12">
      <t>コウフ</t>
    </rPh>
    <rPh sb="12" eb="14">
      <t>シンセイ</t>
    </rPh>
    <phoneticPr fontId="3"/>
  </si>
  <si>
    <r>
      <t>（１）自己負担額証明書の交付を申請する場合、必ず同じ市町村の保険者番号を記載してください（２以上の市町村の保険者番号を記載しないでください）。</t>
    </r>
    <r>
      <rPr>
        <sz val="11"/>
        <rFont val="ＭＳ Ｐゴシック"/>
        <family val="3"/>
        <charset val="128"/>
      </rPr>
      <t/>
    </r>
    <rPh sb="3" eb="5">
      <t>ジコ</t>
    </rPh>
    <rPh sb="5" eb="7">
      <t>フタン</t>
    </rPh>
    <rPh sb="7" eb="8">
      <t>ガク</t>
    </rPh>
    <rPh sb="8" eb="11">
      <t>ショウメイショ</t>
    </rPh>
    <rPh sb="12" eb="14">
      <t>コウフ</t>
    </rPh>
    <rPh sb="15" eb="17">
      <t>シンセイ</t>
    </rPh>
    <rPh sb="19" eb="21">
      <t>バアイ</t>
    </rPh>
    <rPh sb="22" eb="23">
      <t>カナラ</t>
    </rPh>
    <rPh sb="24" eb="25">
      <t>オナ</t>
    </rPh>
    <rPh sb="26" eb="29">
      <t>シチョウソン</t>
    </rPh>
    <rPh sb="30" eb="33">
      <t>ホケンシャ</t>
    </rPh>
    <rPh sb="33" eb="35">
      <t>バンゴウ</t>
    </rPh>
    <rPh sb="36" eb="38">
      <t>キサイ</t>
    </rPh>
    <rPh sb="46" eb="48">
      <t>イジョウ</t>
    </rPh>
    <rPh sb="49" eb="52">
      <t>シチョウソン</t>
    </rPh>
    <rPh sb="53" eb="56">
      <t>ホケンシャ</t>
    </rPh>
    <rPh sb="56" eb="58">
      <t>バンゴウ</t>
    </rPh>
    <rPh sb="59" eb="61">
      <t>キサイ</t>
    </rPh>
    <phoneticPr fontId="3"/>
  </si>
  <si>
    <t>（２）各医療保険（介護保険）資格情報ごとに、複数保険者分の自己負担額証明書が必要である場合、それぞれの保険者へ申請する必要があります。</t>
    <rPh sb="3" eb="4">
      <t>カク</t>
    </rPh>
    <rPh sb="4" eb="6">
      <t>イリョウ</t>
    </rPh>
    <rPh sb="6" eb="8">
      <t>ホケン</t>
    </rPh>
    <rPh sb="9" eb="11">
      <t>カイゴ</t>
    </rPh>
    <rPh sb="11" eb="13">
      <t>ホケン</t>
    </rPh>
    <rPh sb="14" eb="16">
      <t>シカク</t>
    </rPh>
    <rPh sb="16" eb="18">
      <t>ジョウホウ</t>
    </rPh>
    <rPh sb="22" eb="24">
      <t>フクスウ</t>
    </rPh>
    <rPh sb="24" eb="27">
      <t>ホケンシャ</t>
    </rPh>
    <rPh sb="27" eb="28">
      <t>ブン</t>
    </rPh>
    <rPh sb="29" eb="31">
      <t>ジコ</t>
    </rPh>
    <rPh sb="31" eb="33">
      <t>フタン</t>
    </rPh>
    <rPh sb="33" eb="34">
      <t>ガク</t>
    </rPh>
    <rPh sb="34" eb="37">
      <t>ショウメイショ</t>
    </rPh>
    <rPh sb="38" eb="40">
      <t>ヒツヨウ</t>
    </rPh>
    <rPh sb="43" eb="45">
      <t>バアイ</t>
    </rPh>
    <rPh sb="51" eb="54">
      <t>ホケンシャ</t>
    </rPh>
    <rPh sb="55" eb="57">
      <t>シンセイ</t>
    </rPh>
    <rPh sb="59" eb="61">
      <t>ヒツヨウ</t>
    </rPh>
    <phoneticPr fontId="3"/>
  </si>
  <si>
    <t>〒９９９―９９９９</t>
    <phoneticPr fontId="3"/>
  </si>
  <si>
    <t>フリガナ</t>
    <phoneticPr fontId="3"/>
  </si>
  <si>
    <t>計算期間の始期及び終期</t>
    <phoneticPr fontId="3"/>
  </si>
  <si>
    <t>１．世帯主
２．擬制世帯主
３．世帯員</t>
    <phoneticPr fontId="3"/>
  </si>
  <si>
    <t>3.取り下げ</t>
    <rPh sb="2" eb="3">
      <t>ト</t>
    </rPh>
    <rPh sb="4" eb="5">
      <t>サ</t>
    </rPh>
    <phoneticPr fontId="3"/>
  </si>
  <si>
    <t>　年　　月　　日～　　年　　月　　日</t>
    <phoneticPr fontId="3"/>
  </si>
  <si>
    <t>被保険者番号</t>
    <phoneticPr fontId="3"/>
  </si>
  <si>
    <t>介護保険情報</t>
    <phoneticPr fontId="3"/>
  </si>
  <si>
    <t>１．窓口払い
２．口座振込</t>
    <phoneticPr fontId="3"/>
  </si>
  <si>
    <t>　１．普通預金 
　２．当座預金
　９．その他</t>
    <rPh sb="3" eb="5">
      <t>フツウ</t>
    </rPh>
    <rPh sb="5" eb="7">
      <t>ヨキン</t>
    </rPh>
    <rPh sb="12" eb="14">
      <t>トウザ</t>
    </rPh>
    <rPh sb="14" eb="16">
      <t>ヨキン</t>
    </rPh>
    <rPh sb="22" eb="23">
      <t>タ</t>
    </rPh>
    <phoneticPr fontId="3"/>
  </si>
  <si>
    <t>口座管理
番号</t>
    <rPh sb="0" eb="2">
      <t>コウザ</t>
    </rPh>
    <rPh sb="2" eb="4">
      <t>カンリ</t>
    </rPh>
    <rPh sb="5" eb="7">
      <t>バンゴウ</t>
    </rPh>
    <phoneticPr fontId="3"/>
  </si>
  <si>
    <t>保険者
名称</t>
    <phoneticPr fontId="3"/>
  </si>
  <si>
    <t>保険者
名称</t>
    <rPh sb="0" eb="3">
      <t>ホケンシャ</t>
    </rPh>
    <rPh sb="4" eb="6">
      <t>メイショウ</t>
    </rPh>
    <phoneticPr fontId="3"/>
  </si>
  <si>
    <t>加入
期間</t>
    <rPh sb="0" eb="2">
      <t>カニュウ</t>
    </rPh>
    <rPh sb="3" eb="5">
      <t>キカン</t>
    </rPh>
    <phoneticPr fontId="3"/>
  </si>
  <si>
    <t>保険者
名称</t>
    <phoneticPr fontId="3"/>
  </si>
  <si>
    <t>　　　年　　　月～　　　年　　　月</t>
    <phoneticPr fontId="3"/>
  </si>
  <si>
    <t>振込先口座
管理番号</t>
    <rPh sb="0" eb="2">
      <t>フリコミ</t>
    </rPh>
    <rPh sb="2" eb="3">
      <t>サキ</t>
    </rPh>
    <rPh sb="3" eb="5">
      <t>コウザ</t>
    </rPh>
    <rPh sb="6" eb="8">
      <t>カンリ</t>
    </rPh>
    <rPh sb="8" eb="10">
      <t>バンゴウ</t>
    </rPh>
    <phoneticPr fontId="3"/>
  </si>
  <si>
    <t>２</t>
    <phoneticPr fontId="3"/>
  </si>
  <si>
    <t>　年　 月　 日～　 年　 月　 日</t>
    <phoneticPr fontId="3"/>
  </si>
  <si>
    <t>（１）医療保険の自己負担額と介護保険の自己負担額を合計した結果、一定の限度額を超えた場合に、その超えた額が高額介護合算療養費（高額医療合算介護（予防）サービス費）として支給され</t>
    <rPh sb="55" eb="57">
      <t>カイゴ</t>
    </rPh>
    <rPh sb="63" eb="65">
      <t>コウガク</t>
    </rPh>
    <rPh sb="65" eb="67">
      <t>イリョウ</t>
    </rPh>
    <rPh sb="67" eb="69">
      <t>ガッサン</t>
    </rPh>
    <rPh sb="69" eb="71">
      <t>カイゴ</t>
    </rPh>
    <rPh sb="72" eb="74">
      <t>ヨボウ</t>
    </rPh>
    <rPh sb="79" eb="80">
      <t>ヒ</t>
    </rPh>
    <phoneticPr fontId="3"/>
  </si>
  <si>
    <t>　　　ます。</t>
    <phoneticPr fontId="3"/>
  </si>
  <si>
    <t>（３）申請対象年度内に医療保険（介護保険）資格情報に変更があった場合、申請対象年度末日の医療保険（介護保険）資格情報以外の医療保険（介護保険）資格情報にかかる自己負担額証明書</t>
    <rPh sb="3" eb="5">
      <t>シンセイ</t>
    </rPh>
    <rPh sb="5" eb="7">
      <t>タイショウ</t>
    </rPh>
    <rPh sb="7" eb="9">
      <t>ネンド</t>
    </rPh>
    <rPh sb="9" eb="10">
      <t>ナイ</t>
    </rPh>
    <rPh sb="11" eb="13">
      <t>イリョウ</t>
    </rPh>
    <rPh sb="13" eb="15">
      <t>ホケン</t>
    </rPh>
    <rPh sb="16" eb="18">
      <t>カイゴ</t>
    </rPh>
    <rPh sb="18" eb="20">
      <t>ホケン</t>
    </rPh>
    <rPh sb="21" eb="23">
      <t>シカク</t>
    </rPh>
    <rPh sb="23" eb="25">
      <t>ジョウホウ</t>
    </rPh>
    <rPh sb="26" eb="28">
      <t>ヘンコウ</t>
    </rPh>
    <rPh sb="32" eb="34">
      <t>バアイ</t>
    </rPh>
    <rPh sb="35" eb="37">
      <t>シンセイ</t>
    </rPh>
    <rPh sb="37" eb="39">
      <t>タイショウ</t>
    </rPh>
    <rPh sb="39" eb="42">
      <t>ネンドマツ</t>
    </rPh>
    <rPh sb="42" eb="43">
      <t>ビ</t>
    </rPh>
    <rPh sb="44" eb="46">
      <t>イリョウ</t>
    </rPh>
    <rPh sb="46" eb="48">
      <t>ホケン</t>
    </rPh>
    <rPh sb="49" eb="51">
      <t>カイゴ</t>
    </rPh>
    <rPh sb="51" eb="53">
      <t>ホケン</t>
    </rPh>
    <rPh sb="54" eb="56">
      <t>シカク</t>
    </rPh>
    <rPh sb="56" eb="58">
      <t>ジョウホウ</t>
    </rPh>
    <rPh sb="58" eb="60">
      <t>イガイ</t>
    </rPh>
    <rPh sb="61" eb="63">
      <t>イリョウ</t>
    </rPh>
    <rPh sb="63" eb="65">
      <t>ホケン</t>
    </rPh>
    <rPh sb="66" eb="68">
      <t>カイゴ</t>
    </rPh>
    <rPh sb="68" eb="70">
      <t>ホケン</t>
    </rPh>
    <rPh sb="71" eb="73">
      <t>シカク</t>
    </rPh>
    <rPh sb="73" eb="75">
      <t>ジョウホウ</t>
    </rPh>
    <rPh sb="79" eb="81">
      <t>ジコ</t>
    </rPh>
    <rPh sb="81" eb="83">
      <t>フタン</t>
    </rPh>
    <rPh sb="83" eb="84">
      <t>ガク</t>
    </rPh>
    <rPh sb="84" eb="87">
      <t>ショウメイショ</t>
    </rPh>
    <phoneticPr fontId="3"/>
  </si>
  <si>
    <t>　　　を入手し、同証明書に記載されている自己負担額証明書整理番号を該当欄に記載の上、添付してください。１名につき４枚以上の自己負担額証明書を添付する場合、次頁の自己負担額証明書</t>
    <rPh sb="33" eb="35">
      <t>ガイトウ</t>
    </rPh>
    <rPh sb="37" eb="39">
      <t>キサイ</t>
    </rPh>
    <rPh sb="52" eb="53">
      <t>メイ</t>
    </rPh>
    <rPh sb="57" eb="58">
      <t>マイ</t>
    </rPh>
    <rPh sb="58" eb="60">
      <t>イジョウ</t>
    </rPh>
    <rPh sb="61" eb="63">
      <t>ジコ</t>
    </rPh>
    <rPh sb="63" eb="65">
      <t>フタン</t>
    </rPh>
    <rPh sb="65" eb="66">
      <t>ガク</t>
    </rPh>
    <rPh sb="66" eb="68">
      <t>ショウメイ</t>
    </rPh>
    <rPh sb="68" eb="69">
      <t>ショ</t>
    </rPh>
    <rPh sb="70" eb="72">
      <t>テンプ</t>
    </rPh>
    <rPh sb="74" eb="76">
      <t>バアイ</t>
    </rPh>
    <rPh sb="77" eb="79">
      <t>ジページ</t>
    </rPh>
    <rPh sb="80" eb="82">
      <t>ジコ</t>
    </rPh>
    <rPh sb="82" eb="84">
      <t>フタン</t>
    </rPh>
    <rPh sb="84" eb="85">
      <t>ガク</t>
    </rPh>
    <rPh sb="85" eb="87">
      <t>ショウメイ</t>
    </rPh>
    <rPh sb="87" eb="88">
      <t>ショ</t>
    </rPh>
    <phoneticPr fontId="3"/>
  </si>
  <si>
    <t>　　　整理番号欄に記載して下さい。</t>
    <phoneticPr fontId="3"/>
  </si>
  <si>
    <t>（４）複数名の支給額の同一口座への振込を希望する場合、該当者の振込口座記載欄（金融機関名から口座名義人まで）は記載せず、振込先口座管理番号欄に希望振込先口座の口座管理番号を記載</t>
    <rPh sb="3" eb="5">
      <t>フクスウ</t>
    </rPh>
    <rPh sb="5" eb="6">
      <t>メイ</t>
    </rPh>
    <rPh sb="7" eb="10">
      <t>シキュウガク</t>
    </rPh>
    <rPh sb="11" eb="13">
      <t>ドウイツ</t>
    </rPh>
    <rPh sb="13" eb="15">
      <t>コウザ</t>
    </rPh>
    <rPh sb="17" eb="19">
      <t>フリコミ</t>
    </rPh>
    <rPh sb="20" eb="22">
      <t>キボウ</t>
    </rPh>
    <rPh sb="24" eb="26">
      <t>バアイ</t>
    </rPh>
    <rPh sb="27" eb="30">
      <t>ガイトウシャ</t>
    </rPh>
    <rPh sb="31" eb="33">
      <t>フリコミ</t>
    </rPh>
    <rPh sb="33" eb="35">
      <t>コウザ</t>
    </rPh>
    <rPh sb="35" eb="37">
      <t>キサイ</t>
    </rPh>
    <rPh sb="37" eb="38">
      <t>ラン</t>
    </rPh>
    <rPh sb="39" eb="41">
      <t>キンユウ</t>
    </rPh>
    <rPh sb="41" eb="43">
      <t>キカン</t>
    </rPh>
    <rPh sb="43" eb="44">
      <t>メイ</t>
    </rPh>
    <rPh sb="46" eb="48">
      <t>コウザ</t>
    </rPh>
    <rPh sb="48" eb="50">
      <t>メイギ</t>
    </rPh>
    <rPh sb="50" eb="51">
      <t>ジン</t>
    </rPh>
    <rPh sb="55" eb="57">
      <t>キサイ</t>
    </rPh>
    <rPh sb="60" eb="62">
      <t>フリコミ</t>
    </rPh>
    <rPh sb="62" eb="63">
      <t>サキ</t>
    </rPh>
    <rPh sb="63" eb="65">
      <t>コウザ</t>
    </rPh>
    <rPh sb="65" eb="67">
      <t>カンリ</t>
    </rPh>
    <rPh sb="67" eb="69">
      <t>バンゴウ</t>
    </rPh>
    <rPh sb="69" eb="70">
      <t>ラン</t>
    </rPh>
    <rPh sb="71" eb="73">
      <t>キボウ</t>
    </rPh>
    <rPh sb="73" eb="75">
      <t>フリコミ</t>
    </rPh>
    <rPh sb="75" eb="76">
      <t>サキ</t>
    </rPh>
    <rPh sb="76" eb="78">
      <t>コウザ</t>
    </rPh>
    <rPh sb="79" eb="81">
      <t>コウザ</t>
    </rPh>
    <rPh sb="81" eb="83">
      <t>カンリ</t>
    </rPh>
    <rPh sb="83" eb="85">
      <t>バンゴウ</t>
    </rPh>
    <rPh sb="86" eb="88">
      <t>キサイ</t>
    </rPh>
    <phoneticPr fontId="3"/>
  </si>
  <si>
    <t>　　　して下さい。</t>
    <phoneticPr fontId="3"/>
  </si>
  <si>
    <t>　　　例）口座管理番号２の被保険者への支給額を、口座管理番号１の被保険者の口座へ振り込んでほしい場合、口座管理番号２の被保険者の振込口座記載欄は記載せず、振込先口座管理番号欄に</t>
    <rPh sb="3" eb="4">
      <t>レイ</t>
    </rPh>
    <rPh sb="5" eb="7">
      <t>コウザ</t>
    </rPh>
    <rPh sb="7" eb="9">
      <t>カンリ</t>
    </rPh>
    <rPh sb="9" eb="11">
      <t>バンゴウ</t>
    </rPh>
    <rPh sb="13" eb="17">
      <t>ヒホケンシャ</t>
    </rPh>
    <rPh sb="19" eb="22">
      <t>シキュウガク</t>
    </rPh>
    <rPh sb="24" eb="26">
      <t>コウザ</t>
    </rPh>
    <rPh sb="26" eb="28">
      <t>カンリ</t>
    </rPh>
    <rPh sb="28" eb="30">
      <t>バンゴウ</t>
    </rPh>
    <rPh sb="32" eb="36">
      <t>ヒホケンシャ</t>
    </rPh>
    <rPh sb="37" eb="39">
      <t>コウザ</t>
    </rPh>
    <rPh sb="40" eb="41">
      <t>フ</t>
    </rPh>
    <rPh sb="42" eb="43">
      <t>コ</t>
    </rPh>
    <rPh sb="48" eb="50">
      <t>バアイ</t>
    </rPh>
    <rPh sb="51" eb="53">
      <t>コウザ</t>
    </rPh>
    <rPh sb="53" eb="55">
      <t>カンリ</t>
    </rPh>
    <rPh sb="55" eb="57">
      <t>バンゴウ</t>
    </rPh>
    <rPh sb="59" eb="63">
      <t>ヒホケンシャ</t>
    </rPh>
    <rPh sb="64" eb="66">
      <t>フリコミ</t>
    </rPh>
    <rPh sb="66" eb="68">
      <t>コウザ</t>
    </rPh>
    <rPh sb="68" eb="70">
      <t>キサイ</t>
    </rPh>
    <rPh sb="70" eb="71">
      <t>ラン</t>
    </rPh>
    <rPh sb="72" eb="74">
      <t>キサイ</t>
    </rPh>
    <rPh sb="77" eb="79">
      <t>フリコミ</t>
    </rPh>
    <rPh sb="79" eb="80">
      <t>サキ</t>
    </rPh>
    <rPh sb="80" eb="82">
      <t>コウザ</t>
    </rPh>
    <rPh sb="82" eb="84">
      <t>カンリ</t>
    </rPh>
    <rPh sb="84" eb="86">
      <t>バンゴウ</t>
    </rPh>
    <rPh sb="86" eb="87">
      <t>ラン</t>
    </rPh>
    <phoneticPr fontId="3"/>
  </si>
  <si>
    <t>　　　　　１と記載する。</t>
    <phoneticPr fontId="3"/>
  </si>
  <si>
    <t>（９）介護保険で給付制限を受けており、自己負担が３割となっている方については、その給付制限期間中は自己負担額が零として計算されることとなり、高額医療合算介護（予防）サービス費</t>
    <rPh sb="3" eb="5">
      <t>カイゴ</t>
    </rPh>
    <rPh sb="5" eb="7">
      <t>ホケン</t>
    </rPh>
    <rPh sb="8" eb="10">
      <t>キュウフ</t>
    </rPh>
    <rPh sb="10" eb="12">
      <t>セイゲン</t>
    </rPh>
    <rPh sb="13" eb="14">
      <t>ウ</t>
    </rPh>
    <rPh sb="19" eb="21">
      <t>ジコ</t>
    </rPh>
    <rPh sb="21" eb="23">
      <t>フタン</t>
    </rPh>
    <rPh sb="25" eb="26">
      <t>ワリ</t>
    </rPh>
    <rPh sb="32" eb="33">
      <t>カタ</t>
    </rPh>
    <rPh sb="41" eb="43">
      <t>キュウフ</t>
    </rPh>
    <rPh sb="43" eb="45">
      <t>セイゲン</t>
    </rPh>
    <rPh sb="45" eb="47">
      <t>キカン</t>
    </rPh>
    <rPh sb="47" eb="48">
      <t>チュウ</t>
    </rPh>
    <rPh sb="49" eb="51">
      <t>ジコ</t>
    </rPh>
    <rPh sb="51" eb="53">
      <t>フタン</t>
    </rPh>
    <rPh sb="53" eb="54">
      <t>ガク</t>
    </rPh>
    <rPh sb="55" eb="56">
      <t>ゼロ</t>
    </rPh>
    <rPh sb="59" eb="61">
      <t>ケイサン</t>
    </rPh>
    <rPh sb="70" eb="74">
      <t>コウガクイリョウ</t>
    </rPh>
    <rPh sb="74" eb="76">
      <t>ガッサン</t>
    </rPh>
    <rPh sb="76" eb="78">
      <t>カイゴ</t>
    </rPh>
    <rPh sb="79" eb="81">
      <t>ヨボウ</t>
    </rPh>
    <rPh sb="86" eb="87">
      <t>ヒ</t>
    </rPh>
    <phoneticPr fontId="3"/>
  </si>
  <si>
    <t>　　　の支給ができない場合があります。</t>
    <phoneticPr fontId="3"/>
  </si>
  <si>
    <t>（２）申請対象年度（記載年の８月１日から翌年７月末日までの期間）内に医療保険（介護保険）資格情報に変更があった場合は、申請対象年度末日の医療保険（介護保険）資格情報を記載して</t>
    <rPh sb="3" eb="5">
      <t>シンセイ</t>
    </rPh>
    <rPh sb="5" eb="7">
      <t>タイショウ</t>
    </rPh>
    <rPh sb="7" eb="9">
      <t>ネンド</t>
    </rPh>
    <rPh sb="10" eb="12">
      <t>キサイ</t>
    </rPh>
    <rPh sb="12" eb="13">
      <t>ネン</t>
    </rPh>
    <rPh sb="15" eb="16">
      <t>ガツ</t>
    </rPh>
    <rPh sb="17" eb="18">
      <t>ニチ</t>
    </rPh>
    <rPh sb="20" eb="22">
      <t>ヨクネン</t>
    </rPh>
    <rPh sb="23" eb="24">
      <t>ガツ</t>
    </rPh>
    <rPh sb="24" eb="25">
      <t>マツ</t>
    </rPh>
    <rPh sb="25" eb="26">
      <t>ジツ</t>
    </rPh>
    <rPh sb="29" eb="31">
      <t>キカン</t>
    </rPh>
    <rPh sb="32" eb="33">
      <t>ナイ</t>
    </rPh>
    <rPh sb="34" eb="36">
      <t>イリョウ</t>
    </rPh>
    <rPh sb="36" eb="38">
      <t>ホケン</t>
    </rPh>
    <rPh sb="39" eb="41">
      <t>カイゴ</t>
    </rPh>
    <rPh sb="41" eb="43">
      <t>ホケン</t>
    </rPh>
    <rPh sb="44" eb="46">
      <t>シカク</t>
    </rPh>
    <rPh sb="46" eb="48">
      <t>ジョウホウ</t>
    </rPh>
    <rPh sb="49" eb="51">
      <t>ヘンコウ</t>
    </rPh>
    <rPh sb="55" eb="57">
      <t>バアイ</t>
    </rPh>
    <rPh sb="59" eb="61">
      <t>シンセイ</t>
    </rPh>
    <rPh sb="61" eb="63">
      <t>タイショウ</t>
    </rPh>
    <rPh sb="63" eb="65">
      <t>ネンド</t>
    </rPh>
    <rPh sb="65" eb="67">
      <t>マツジツ</t>
    </rPh>
    <rPh sb="68" eb="70">
      <t>イリョウ</t>
    </rPh>
    <rPh sb="70" eb="72">
      <t>ホケン</t>
    </rPh>
    <rPh sb="73" eb="75">
      <t>カイゴ</t>
    </rPh>
    <rPh sb="75" eb="77">
      <t>ホケン</t>
    </rPh>
    <rPh sb="78" eb="80">
      <t>シカク</t>
    </rPh>
    <rPh sb="80" eb="82">
      <t>ジョウホウ</t>
    </rPh>
    <rPh sb="83" eb="85">
      <t>キサイ</t>
    </rPh>
    <phoneticPr fontId="3"/>
  </si>
  <si>
    <t>　　　下さい。</t>
    <phoneticPr fontId="3"/>
  </si>
  <si>
    <t>3.取下げ</t>
    <rPh sb="2" eb="4">
      <t>トリサ</t>
    </rPh>
    <phoneticPr fontId="3"/>
  </si>
  <si>
    <t>フリガナ</t>
    <phoneticPr fontId="3"/>
  </si>
  <si>
    <t>氏　　名</t>
    <rPh sb="0" eb="1">
      <t>シ</t>
    </rPh>
    <rPh sb="3" eb="4">
      <t>メイ</t>
    </rPh>
    <phoneticPr fontId="3"/>
  </si>
  <si>
    <t>被保険者番号</t>
    <phoneticPr fontId="3"/>
  </si>
  <si>
    <t>口座
管理番号</t>
    <rPh sb="0" eb="2">
      <t>コウザ</t>
    </rPh>
    <rPh sb="3" eb="5">
      <t>カンリ</t>
    </rPh>
    <rPh sb="5" eb="7">
      <t>バンゴウ</t>
    </rPh>
    <phoneticPr fontId="3"/>
  </si>
  <si>
    <t>銀　　行
信用金庫
信用組合</t>
    <rPh sb="0" eb="1">
      <t>ギン</t>
    </rPh>
    <rPh sb="3" eb="4">
      <t>ギョウ</t>
    </rPh>
    <rPh sb="5" eb="7">
      <t>シンヨウ</t>
    </rPh>
    <rPh sb="7" eb="9">
      <t>キンコ</t>
    </rPh>
    <rPh sb="10" eb="12">
      <t>シンヨウ</t>
    </rPh>
    <rPh sb="12" eb="14">
      <t>クミアイ</t>
    </rPh>
    <phoneticPr fontId="3"/>
  </si>
  <si>
    <t>本　店
支　店
出張所</t>
    <rPh sb="0" eb="1">
      <t>ホン</t>
    </rPh>
    <rPh sb="2" eb="3">
      <t>テン</t>
    </rPh>
    <rPh sb="4" eb="5">
      <t>ササ</t>
    </rPh>
    <rPh sb="6" eb="7">
      <t>ミセ</t>
    </rPh>
    <rPh sb="8" eb="10">
      <t>シュッチョウ</t>
    </rPh>
    <rPh sb="10" eb="11">
      <t>ジョ</t>
    </rPh>
    <phoneticPr fontId="3"/>
  </si>
  <si>
    <t>フリガナ</t>
    <phoneticPr fontId="3"/>
  </si>
  <si>
    <t>１．普通預金
２．当座預金
９．そ の 他</t>
    <rPh sb="2" eb="4">
      <t>フツウ</t>
    </rPh>
    <rPh sb="4" eb="6">
      <t>ヨキン</t>
    </rPh>
    <rPh sb="9" eb="11">
      <t>トウザ</t>
    </rPh>
    <rPh sb="11" eb="13">
      <t>ヨキン</t>
    </rPh>
    <rPh sb="20" eb="21">
      <t>タ</t>
    </rPh>
    <phoneticPr fontId="3"/>
  </si>
  <si>
    <t>１</t>
    <phoneticPr fontId="3"/>
  </si>
  <si>
    <t>１．世　帯　主
２．擬制世帯主
３．世　帯　員</t>
    <phoneticPr fontId="3"/>
  </si>
  <si>
    <t>保険者名</t>
    <rPh sb="0" eb="3">
      <t>ホケンシャ</t>
    </rPh>
    <rPh sb="3" eb="4">
      <t>メイ</t>
    </rPh>
    <phoneticPr fontId="3"/>
  </si>
  <si>
    <t>　年　　　　月　　　　日　生　</t>
    <rPh sb="1" eb="2">
      <t>ネン</t>
    </rPh>
    <rPh sb="6" eb="7">
      <t>ツキ</t>
    </rPh>
    <rPh sb="11" eb="12">
      <t>ニチ</t>
    </rPh>
    <rPh sb="13" eb="14">
      <t>ウ</t>
    </rPh>
    <phoneticPr fontId="3"/>
  </si>
  <si>
    <t>保険者
名称</t>
    <rPh sb="0" eb="3">
      <t>ホケンシャ</t>
    </rPh>
    <rPh sb="4" eb="5">
      <t>ナ</t>
    </rPh>
    <rPh sb="5" eb="6">
      <t>ショウ</t>
    </rPh>
    <phoneticPr fontId="3"/>
  </si>
  <si>
    <t>　　　　　年　　　　月　　　　日から</t>
    <rPh sb="5" eb="6">
      <t>ネン</t>
    </rPh>
    <rPh sb="10" eb="11">
      <t>ツキ</t>
    </rPh>
    <rPh sb="15" eb="16">
      <t>ヒ</t>
    </rPh>
    <phoneticPr fontId="3"/>
  </si>
  <si>
    <t>　　　　　年　　　　月　　　　日まで</t>
    <rPh sb="5" eb="6">
      <t>ネン</t>
    </rPh>
    <rPh sb="10" eb="11">
      <t>ツキ</t>
    </rPh>
    <rPh sb="15" eb="16">
      <t>ヒ</t>
    </rPh>
    <phoneticPr fontId="3"/>
  </si>
  <si>
    <t>１．窓口払い
２．口座振込</t>
    <phoneticPr fontId="3"/>
  </si>
  <si>
    <t>添付の自己負担額証明書整理番号</t>
    <rPh sb="0" eb="2">
      <t>テンプ</t>
    </rPh>
    <rPh sb="3" eb="5">
      <t>ジコ</t>
    </rPh>
    <rPh sb="5" eb="8">
      <t>フタンガク</t>
    </rPh>
    <rPh sb="8" eb="11">
      <t>ショウメイショ</t>
    </rPh>
    <rPh sb="11" eb="13">
      <t>セイリ</t>
    </rPh>
    <rPh sb="13" eb="15">
      <t>バンゴウ</t>
    </rPh>
    <phoneticPr fontId="3"/>
  </si>
  <si>
    <t>備考欄</t>
    <rPh sb="0" eb="3">
      <t>ビコウラン</t>
    </rPh>
    <phoneticPr fontId="3"/>
  </si>
  <si>
    <t>　　　　　　年　　　　　月　　　　　日から
　　　　　　年　　　　　月　　　　　日まで</t>
    <rPh sb="6" eb="7">
      <t>ネン</t>
    </rPh>
    <rPh sb="12" eb="13">
      <t>ツキ</t>
    </rPh>
    <rPh sb="18" eb="19">
      <t>ヒ</t>
    </rPh>
    <rPh sb="28" eb="29">
      <t>ネン</t>
    </rPh>
    <rPh sb="34" eb="35">
      <t>ツキ</t>
    </rPh>
    <rPh sb="40" eb="41">
      <t>ヒ</t>
    </rPh>
    <phoneticPr fontId="3"/>
  </si>
  <si>
    <t>（１）医療保険の自己負担額と介護保険の自己負担額を合計した結果、一定の限度額を超えた場合に、その超えた額が高額介護合算療養費（高額医療合算介護（予防）サービス費）として支給されます。</t>
    <rPh sb="55" eb="57">
      <t>カイゴ</t>
    </rPh>
    <rPh sb="63" eb="65">
      <t>コウガク</t>
    </rPh>
    <rPh sb="65" eb="67">
      <t>イリョウ</t>
    </rPh>
    <rPh sb="67" eb="69">
      <t>ガッサン</t>
    </rPh>
    <rPh sb="69" eb="71">
      <t>カイゴ</t>
    </rPh>
    <rPh sb="72" eb="74">
      <t>ヨボウ</t>
    </rPh>
    <rPh sb="79" eb="80">
      <t>ヒ</t>
    </rPh>
    <phoneticPr fontId="3"/>
  </si>
  <si>
    <t>（４）複数名の支給額の同一口座への振込を希望する場合、該当者の振込口座記載欄（金融機関名から口座名義人まで）は記載せず、振込先口座管理番号欄に希望振込先口座の口座管理番号を記載して</t>
    <rPh sb="3" eb="5">
      <t>フクスウ</t>
    </rPh>
    <rPh sb="5" eb="6">
      <t>メイ</t>
    </rPh>
    <rPh sb="7" eb="10">
      <t>シキュウガク</t>
    </rPh>
    <rPh sb="11" eb="13">
      <t>ドウイツ</t>
    </rPh>
    <rPh sb="13" eb="15">
      <t>コウザ</t>
    </rPh>
    <rPh sb="17" eb="19">
      <t>フリコミ</t>
    </rPh>
    <rPh sb="20" eb="22">
      <t>キボウ</t>
    </rPh>
    <rPh sb="24" eb="26">
      <t>バアイ</t>
    </rPh>
    <rPh sb="27" eb="30">
      <t>ガイトウシャ</t>
    </rPh>
    <rPh sb="31" eb="33">
      <t>フリコミ</t>
    </rPh>
    <rPh sb="33" eb="35">
      <t>コウザ</t>
    </rPh>
    <rPh sb="35" eb="37">
      <t>キサイ</t>
    </rPh>
    <rPh sb="37" eb="38">
      <t>ラン</t>
    </rPh>
    <rPh sb="39" eb="41">
      <t>キンユウ</t>
    </rPh>
    <rPh sb="41" eb="43">
      <t>キカン</t>
    </rPh>
    <rPh sb="43" eb="44">
      <t>メイ</t>
    </rPh>
    <rPh sb="46" eb="48">
      <t>コウザ</t>
    </rPh>
    <rPh sb="48" eb="50">
      <t>メイギ</t>
    </rPh>
    <rPh sb="50" eb="51">
      <t>ジン</t>
    </rPh>
    <rPh sb="55" eb="57">
      <t>キサイ</t>
    </rPh>
    <rPh sb="60" eb="62">
      <t>フリコミ</t>
    </rPh>
    <rPh sb="62" eb="63">
      <t>サキ</t>
    </rPh>
    <rPh sb="63" eb="65">
      <t>コウザ</t>
    </rPh>
    <rPh sb="65" eb="67">
      <t>カンリ</t>
    </rPh>
    <rPh sb="67" eb="69">
      <t>バンゴウ</t>
    </rPh>
    <rPh sb="69" eb="70">
      <t>ラン</t>
    </rPh>
    <rPh sb="71" eb="73">
      <t>キボウ</t>
    </rPh>
    <rPh sb="73" eb="75">
      <t>フリコミ</t>
    </rPh>
    <rPh sb="75" eb="76">
      <t>サキ</t>
    </rPh>
    <rPh sb="76" eb="78">
      <t>コウザ</t>
    </rPh>
    <rPh sb="79" eb="81">
      <t>コウザ</t>
    </rPh>
    <rPh sb="81" eb="83">
      <t>カンリ</t>
    </rPh>
    <rPh sb="83" eb="85">
      <t>バンゴウ</t>
    </rPh>
    <rPh sb="86" eb="88">
      <t>キサイ</t>
    </rPh>
    <phoneticPr fontId="3"/>
  </si>
  <si>
    <t>　　　例）口座管理番号２の被保険者への支給額を、口座管理番号１の被保険者の口座へ振り込んでほしい場合、口座管理番号２の被保険者の振込口座記載欄は記載せず、振込先口座管理番号欄に１と</t>
    <rPh sb="3" eb="4">
      <t>レイ</t>
    </rPh>
    <rPh sb="5" eb="7">
      <t>コウザ</t>
    </rPh>
    <rPh sb="7" eb="9">
      <t>カンリ</t>
    </rPh>
    <rPh sb="9" eb="11">
      <t>バンゴウ</t>
    </rPh>
    <rPh sb="13" eb="17">
      <t>ヒホケンシャ</t>
    </rPh>
    <rPh sb="19" eb="22">
      <t>シキュウガク</t>
    </rPh>
    <rPh sb="24" eb="26">
      <t>コウザ</t>
    </rPh>
    <rPh sb="26" eb="28">
      <t>カンリ</t>
    </rPh>
    <rPh sb="28" eb="30">
      <t>バンゴウ</t>
    </rPh>
    <rPh sb="32" eb="36">
      <t>ヒホケンシャ</t>
    </rPh>
    <rPh sb="37" eb="39">
      <t>コウザ</t>
    </rPh>
    <rPh sb="40" eb="41">
      <t>フ</t>
    </rPh>
    <rPh sb="42" eb="43">
      <t>コ</t>
    </rPh>
    <rPh sb="48" eb="50">
      <t>バアイ</t>
    </rPh>
    <rPh sb="51" eb="53">
      <t>コウザ</t>
    </rPh>
    <rPh sb="53" eb="55">
      <t>カンリ</t>
    </rPh>
    <rPh sb="55" eb="57">
      <t>バンゴウ</t>
    </rPh>
    <rPh sb="59" eb="63">
      <t>ヒホケンシャ</t>
    </rPh>
    <rPh sb="64" eb="66">
      <t>フリコミ</t>
    </rPh>
    <rPh sb="66" eb="68">
      <t>コウザ</t>
    </rPh>
    <rPh sb="68" eb="70">
      <t>キサイ</t>
    </rPh>
    <rPh sb="70" eb="71">
      <t>ラン</t>
    </rPh>
    <rPh sb="72" eb="74">
      <t>キサイ</t>
    </rPh>
    <rPh sb="77" eb="79">
      <t>フリコミ</t>
    </rPh>
    <rPh sb="79" eb="80">
      <t>サキ</t>
    </rPh>
    <rPh sb="80" eb="82">
      <t>コウザ</t>
    </rPh>
    <rPh sb="82" eb="84">
      <t>カンリ</t>
    </rPh>
    <rPh sb="84" eb="86">
      <t>バンゴウ</t>
    </rPh>
    <rPh sb="86" eb="87">
      <t>ラン</t>
    </rPh>
    <phoneticPr fontId="3"/>
  </si>
  <si>
    <t>（９）介護保険で給付制限を受けており、自己負担が３割となっている方については、その給付制限期間中は自己負担額が零として計算されることとなり、高額医療合算介護（予防）サービス費の支給</t>
    <rPh sb="3" eb="5">
      <t>カイゴ</t>
    </rPh>
    <rPh sb="5" eb="7">
      <t>ホケン</t>
    </rPh>
    <rPh sb="8" eb="10">
      <t>キュウフ</t>
    </rPh>
    <rPh sb="10" eb="12">
      <t>セイゲン</t>
    </rPh>
    <rPh sb="13" eb="14">
      <t>ウ</t>
    </rPh>
    <rPh sb="19" eb="21">
      <t>ジコ</t>
    </rPh>
    <rPh sb="21" eb="23">
      <t>フタン</t>
    </rPh>
    <rPh sb="25" eb="26">
      <t>ワリ</t>
    </rPh>
    <rPh sb="32" eb="33">
      <t>カタ</t>
    </rPh>
    <rPh sb="41" eb="43">
      <t>キュウフ</t>
    </rPh>
    <rPh sb="43" eb="45">
      <t>セイゲン</t>
    </rPh>
    <rPh sb="45" eb="47">
      <t>キカン</t>
    </rPh>
    <rPh sb="47" eb="48">
      <t>チュウ</t>
    </rPh>
    <rPh sb="49" eb="51">
      <t>ジコ</t>
    </rPh>
    <rPh sb="51" eb="53">
      <t>フタン</t>
    </rPh>
    <rPh sb="53" eb="54">
      <t>ガク</t>
    </rPh>
    <rPh sb="55" eb="56">
      <t>ゼロ</t>
    </rPh>
    <rPh sb="59" eb="61">
      <t>ケイサン</t>
    </rPh>
    <rPh sb="70" eb="74">
      <t>コウガクイリョウ</t>
    </rPh>
    <rPh sb="74" eb="76">
      <t>ガッサン</t>
    </rPh>
    <rPh sb="76" eb="78">
      <t>カイゴ</t>
    </rPh>
    <rPh sb="79" eb="81">
      <t>ヨボウ</t>
    </rPh>
    <rPh sb="86" eb="87">
      <t>ヒ</t>
    </rPh>
    <rPh sb="88" eb="90">
      <t>シキュウ</t>
    </rPh>
    <phoneticPr fontId="3"/>
  </si>
  <si>
    <t>保険者
名称</t>
    <phoneticPr fontId="3"/>
  </si>
  <si>
    <t>　　　　　記載する。</t>
    <phoneticPr fontId="3"/>
  </si>
  <si>
    <t>　　　ができない場合があります。</t>
    <phoneticPr fontId="3"/>
  </si>
  <si>
    <t>保険者
加入歴</t>
    <rPh sb="0" eb="3">
      <t>ホケンシャ</t>
    </rPh>
    <rPh sb="4" eb="6">
      <t>カニュウ</t>
    </rPh>
    <rPh sb="6" eb="7">
      <t>レキ</t>
    </rPh>
    <phoneticPr fontId="3"/>
  </si>
  <si>
    <t>保険者名</t>
    <rPh sb="0" eb="3">
      <t>ホケンシャ</t>
    </rPh>
    <rPh sb="3" eb="4">
      <t>ナ</t>
    </rPh>
    <phoneticPr fontId="3"/>
  </si>
  <si>
    <r>
      <t>平成　</t>
    </r>
    <r>
      <rPr>
        <sz val="14"/>
        <rFont val="ＭＳ ゴシック"/>
        <family val="3"/>
        <charset val="128"/>
      </rPr>
      <t>○○</t>
    </r>
    <r>
      <rPr>
        <sz val="12"/>
        <rFont val="ＭＳ ゴシック"/>
        <family val="3"/>
        <charset val="128"/>
      </rPr>
      <t>　年度</t>
    </r>
    <rPh sb="0" eb="2">
      <t>ヘイセイ</t>
    </rPh>
    <rPh sb="6" eb="8">
      <t>ネンド</t>
    </rPh>
    <phoneticPr fontId="3"/>
  </si>
  <si>
    <t>被保険者番号</t>
    <rPh sb="0" eb="4">
      <t>ヒホケンシャ</t>
    </rPh>
    <rPh sb="4" eb="6">
      <t>バンゴウ</t>
    </rPh>
    <phoneticPr fontId="3"/>
  </si>
  <si>
    <t>フリガナ</t>
    <phoneticPr fontId="3"/>
  </si>
  <si>
    <t>２</t>
    <phoneticPr fontId="3"/>
  </si>
  <si>
    <t>　　〒９９９－９９９９</t>
    <phoneticPr fontId="3"/>
  </si>
  <si>
    <t>　　　なお、申請対象年度末日に加入している医療保険（介護保険）については、当該保険者加入歴欄への記載は不要です。</t>
    <rPh sb="6" eb="8">
      <t>シンセイ</t>
    </rPh>
    <rPh sb="8" eb="10">
      <t>タイショウ</t>
    </rPh>
    <rPh sb="10" eb="12">
      <t>ネンド</t>
    </rPh>
    <rPh sb="12" eb="14">
      <t>マツジツ</t>
    </rPh>
    <rPh sb="15" eb="17">
      <t>カニュウ</t>
    </rPh>
    <rPh sb="21" eb="23">
      <t>イリョウ</t>
    </rPh>
    <rPh sb="23" eb="25">
      <t>ホケン</t>
    </rPh>
    <rPh sb="26" eb="28">
      <t>カイゴ</t>
    </rPh>
    <rPh sb="28" eb="30">
      <t>ホケン</t>
    </rPh>
    <rPh sb="37" eb="39">
      <t>トウガイ</t>
    </rPh>
    <rPh sb="39" eb="41">
      <t>ホケン</t>
    </rPh>
    <rPh sb="41" eb="42">
      <t>シャ</t>
    </rPh>
    <rPh sb="42" eb="44">
      <t>カニュウ</t>
    </rPh>
    <rPh sb="44" eb="45">
      <t>レキ</t>
    </rPh>
    <rPh sb="45" eb="46">
      <t>ラン</t>
    </rPh>
    <rPh sb="48" eb="50">
      <t>キサイ</t>
    </rPh>
    <rPh sb="51" eb="53">
      <t>フヨウ</t>
    </rPh>
    <phoneticPr fontId="3"/>
  </si>
  <si>
    <t>（２）各資格情報欄については、申請対象年度末日（記載年の７月末日）に加入する医療保険（介護保険）の資格情報を記載して下さい。</t>
    <rPh sb="3" eb="4">
      <t>カク</t>
    </rPh>
    <rPh sb="4" eb="6">
      <t>シカク</t>
    </rPh>
    <rPh sb="6" eb="8">
      <t>ジョウホウ</t>
    </rPh>
    <rPh sb="8" eb="9">
      <t>ラン</t>
    </rPh>
    <rPh sb="15" eb="17">
      <t>シンセイ</t>
    </rPh>
    <rPh sb="17" eb="19">
      <t>タイショウ</t>
    </rPh>
    <rPh sb="19" eb="21">
      <t>ネンド</t>
    </rPh>
    <rPh sb="21" eb="23">
      <t>マツジツ</t>
    </rPh>
    <rPh sb="24" eb="26">
      <t>キサイ</t>
    </rPh>
    <rPh sb="26" eb="27">
      <t>ネン</t>
    </rPh>
    <rPh sb="29" eb="30">
      <t>ガツ</t>
    </rPh>
    <rPh sb="30" eb="32">
      <t>マツジツ</t>
    </rPh>
    <phoneticPr fontId="3"/>
  </si>
  <si>
    <t>（３）計算期間の始期及び終期の間に加入する医療保険（介護保険）に変更があった場合、保険者加入暦欄に以前に加入していた医療保険（介護保険）の保険者名称（広域連合名称）と加入期間を記載し、</t>
    <rPh sb="3" eb="5">
      <t>ケイサン</t>
    </rPh>
    <rPh sb="5" eb="7">
      <t>キカン</t>
    </rPh>
    <rPh sb="8" eb="10">
      <t>シキ</t>
    </rPh>
    <rPh sb="10" eb="11">
      <t>オヨ</t>
    </rPh>
    <rPh sb="12" eb="14">
      <t>シュウキ</t>
    </rPh>
    <rPh sb="15" eb="16">
      <t>アイダ</t>
    </rPh>
    <rPh sb="17" eb="19">
      <t>カニュウ</t>
    </rPh>
    <rPh sb="21" eb="23">
      <t>イリョウ</t>
    </rPh>
    <rPh sb="23" eb="25">
      <t>ホケン</t>
    </rPh>
    <rPh sb="26" eb="28">
      <t>カイゴ</t>
    </rPh>
    <rPh sb="28" eb="30">
      <t>ホケン</t>
    </rPh>
    <rPh sb="32" eb="34">
      <t>ヘンコウ</t>
    </rPh>
    <rPh sb="38" eb="40">
      <t>バアイ</t>
    </rPh>
    <rPh sb="47" eb="48">
      <t>ラン</t>
    </rPh>
    <phoneticPr fontId="3"/>
  </si>
  <si>
    <t>　　①国民健康保険、後期高齢者医療の被保険者</t>
    <rPh sb="3" eb="5">
      <t>コクミン</t>
    </rPh>
    <rPh sb="5" eb="7">
      <t>ケンコウ</t>
    </rPh>
    <rPh sb="7" eb="9">
      <t>ホケン</t>
    </rPh>
    <rPh sb="10" eb="12">
      <t>コウキ</t>
    </rPh>
    <rPh sb="12" eb="15">
      <t>コウレイシャ</t>
    </rPh>
    <rPh sb="15" eb="17">
      <t>イリョウ</t>
    </rPh>
    <rPh sb="18" eb="22">
      <t>ヒホケンシャ</t>
    </rPh>
    <phoneticPr fontId="3"/>
  </si>
  <si>
    <t>　　②健保組合等被用者保険の被保険者で介護保険の被保険者</t>
    <rPh sb="3" eb="5">
      <t>ケンポ</t>
    </rPh>
    <rPh sb="5" eb="7">
      <t>クミアイ</t>
    </rPh>
    <rPh sb="7" eb="8">
      <t>トウ</t>
    </rPh>
    <rPh sb="8" eb="11">
      <t>ヒヨウシャ</t>
    </rPh>
    <rPh sb="11" eb="13">
      <t>ホケン</t>
    </rPh>
    <rPh sb="14" eb="18">
      <t>ヒホケンシャ</t>
    </rPh>
    <rPh sb="19" eb="21">
      <t>カイゴ</t>
    </rPh>
    <rPh sb="21" eb="23">
      <t>ホケン</t>
    </rPh>
    <rPh sb="24" eb="28">
      <t>ヒホケンシャ</t>
    </rPh>
    <phoneticPr fontId="3"/>
  </si>
  <si>
    <t>　　・健保組合等被用者保険の名称、所在地、及び同保険者における計算期間内の受診歴</t>
    <rPh sb="3" eb="5">
      <t>ケンポ</t>
    </rPh>
    <rPh sb="5" eb="7">
      <t>クミアイ</t>
    </rPh>
    <rPh sb="7" eb="8">
      <t>トウ</t>
    </rPh>
    <rPh sb="8" eb="11">
      <t>ヒヨウシャ</t>
    </rPh>
    <rPh sb="11" eb="13">
      <t>ホケン</t>
    </rPh>
    <rPh sb="14" eb="16">
      <t>メイショウ</t>
    </rPh>
    <rPh sb="17" eb="19">
      <t>ショザイ</t>
    </rPh>
    <rPh sb="19" eb="20">
      <t>チ</t>
    </rPh>
    <rPh sb="21" eb="22">
      <t>オヨ</t>
    </rPh>
    <rPh sb="23" eb="24">
      <t>ドウ</t>
    </rPh>
    <rPh sb="24" eb="26">
      <t>ホケン</t>
    </rPh>
    <rPh sb="26" eb="27">
      <t>シャ</t>
    </rPh>
    <rPh sb="31" eb="33">
      <t>ケイサン</t>
    </rPh>
    <rPh sb="33" eb="36">
      <t>キカンナイ</t>
    </rPh>
    <rPh sb="37" eb="39">
      <t>ジュシン</t>
    </rPh>
    <rPh sb="39" eb="40">
      <t>レキ</t>
    </rPh>
    <phoneticPr fontId="3"/>
  </si>
  <si>
    <t>（保険者等記入欄）</t>
    <rPh sb="1" eb="4">
      <t>ホケンシャ</t>
    </rPh>
    <rPh sb="4" eb="5">
      <t>トウ</t>
    </rPh>
    <rPh sb="5" eb="7">
      <t>キニュウ</t>
    </rPh>
    <rPh sb="7" eb="8">
      <t>ラン</t>
    </rPh>
    <phoneticPr fontId="3"/>
  </si>
  <si>
    <t>広域
連合
名称</t>
    <rPh sb="0" eb="2">
      <t>コウイキ</t>
    </rPh>
    <rPh sb="3" eb="5">
      <t>レンゴウ</t>
    </rPh>
    <phoneticPr fontId="3"/>
  </si>
  <si>
    <t>　　　また同保険者（広域連合）加入時の自己負担額証明書を添付する場合には同証明書整理番号を記載して下さい。添付する同証明書がない場合には、「添付なし」と記載して下さい。</t>
    <phoneticPr fontId="3"/>
  </si>
  <si>
    <t>　　・当該医療保険者（広域連合）の所在地、及び同医療保険者における計算期間内の受診歴（以前に加入していた医療保険者における受診歴は記載する必要はありません。）</t>
    <phoneticPr fontId="3"/>
  </si>
  <si>
    <t>（７）３名を超える対象者を記載する場合等、複数枚に渡ることがわかるよう、右下の頁欄に全体の枚数と何枚目かを記載して下さい。</t>
    <rPh sb="4" eb="5">
      <t>メイ</t>
    </rPh>
    <rPh sb="6" eb="7">
      <t>コ</t>
    </rPh>
    <rPh sb="9" eb="12">
      <t>タイショウシャ</t>
    </rPh>
    <rPh sb="13" eb="15">
      <t>キサイ</t>
    </rPh>
    <rPh sb="17" eb="19">
      <t>バアイ</t>
    </rPh>
    <rPh sb="19" eb="20">
      <t>トウ</t>
    </rPh>
    <rPh sb="21" eb="23">
      <t>フクスウ</t>
    </rPh>
    <rPh sb="23" eb="24">
      <t>マイ</t>
    </rPh>
    <rPh sb="25" eb="26">
      <t>ワタ</t>
    </rPh>
    <rPh sb="36" eb="38">
      <t>ミギシタ</t>
    </rPh>
    <rPh sb="39" eb="40">
      <t>ページ</t>
    </rPh>
    <rPh sb="40" eb="41">
      <t>ラン</t>
    </rPh>
    <rPh sb="42" eb="44">
      <t>ゼンタイ</t>
    </rPh>
    <rPh sb="45" eb="47">
      <t>マイスウ</t>
    </rPh>
    <rPh sb="48" eb="51">
      <t>ナンマイメ</t>
    </rPh>
    <rPh sb="53" eb="55">
      <t>キサイ</t>
    </rPh>
    <rPh sb="57" eb="58">
      <t>クダ</t>
    </rPh>
    <phoneticPr fontId="3"/>
  </si>
  <si>
    <r>
      <t>（５）備考欄には、以下の内容を記載して</t>
    </r>
    <r>
      <rPr>
        <sz val="15"/>
        <color indexed="10"/>
        <rFont val="ＭＳ ゴシック"/>
        <family val="3"/>
        <charset val="128"/>
      </rPr>
      <t>下さい</t>
    </r>
    <r>
      <rPr>
        <sz val="15"/>
        <rFont val="ＭＳ ゴシック"/>
        <family val="3"/>
        <charset val="128"/>
      </rPr>
      <t>。</t>
    </r>
    <rPh sb="3" eb="5">
      <t>ビコウ</t>
    </rPh>
    <rPh sb="5" eb="6">
      <t>ラン</t>
    </rPh>
    <rPh sb="9" eb="11">
      <t>イカ</t>
    </rPh>
    <rPh sb="12" eb="14">
      <t>ナイヨウ</t>
    </rPh>
    <rPh sb="15" eb="17">
      <t>キサイ</t>
    </rPh>
    <rPh sb="19" eb="20">
      <t>クダ</t>
    </rPh>
    <phoneticPr fontId="3"/>
  </si>
  <si>
    <r>
      <t>（１）自己負担額証明書の交付を申請する場合、必ず同じ市町村の保険者番号を記載して</t>
    </r>
    <r>
      <rPr>
        <sz val="15"/>
        <color indexed="10"/>
        <rFont val="ＭＳ ゴシック"/>
        <family val="3"/>
        <charset val="128"/>
      </rPr>
      <t>下さい</t>
    </r>
    <r>
      <rPr>
        <sz val="15"/>
        <rFont val="ＭＳ ゴシック"/>
        <family val="3"/>
        <charset val="128"/>
      </rPr>
      <t>（２以上の市町村の保険者番号を記載しないで</t>
    </r>
    <r>
      <rPr>
        <sz val="15"/>
        <color indexed="12"/>
        <rFont val="ＭＳ ゴシック"/>
        <family val="3"/>
        <charset val="128"/>
      </rPr>
      <t>下</t>
    </r>
    <r>
      <rPr>
        <sz val="15"/>
        <rFont val="ＭＳ ゴシック"/>
        <family val="3"/>
        <charset val="128"/>
      </rPr>
      <t>さい）。</t>
    </r>
    <r>
      <rPr>
        <sz val="11"/>
        <rFont val="ＭＳ Ｐゴシック"/>
        <family val="3"/>
        <charset val="128"/>
      </rPr>
      <t/>
    </r>
    <rPh sb="3" eb="5">
      <t>ジコ</t>
    </rPh>
    <rPh sb="5" eb="7">
      <t>フタン</t>
    </rPh>
    <rPh sb="7" eb="8">
      <t>ガク</t>
    </rPh>
    <rPh sb="8" eb="11">
      <t>ショウメイショ</t>
    </rPh>
    <rPh sb="12" eb="14">
      <t>コウフ</t>
    </rPh>
    <rPh sb="15" eb="17">
      <t>シンセイ</t>
    </rPh>
    <rPh sb="19" eb="21">
      <t>バアイ</t>
    </rPh>
    <rPh sb="22" eb="23">
      <t>カナラ</t>
    </rPh>
    <rPh sb="24" eb="25">
      <t>オナ</t>
    </rPh>
    <rPh sb="26" eb="29">
      <t>シチョウソン</t>
    </rPh>
    <rPh sb="30" eb="33">
      <t>ホケンシャ</t>
    </rPh>
    <rPh sb="33" eb="35">
      <t>バンゴウ</t>
    </rPh>
    <rPh sb="36" eb="38">
      <t>キサイ</t>
    </rPh>
    <rPh sb="40" eb="41">
      <t>クダ</t>
    </rPh>
    <rPh sb="45" eb="47">
      <t>イジョウ</t>
    </rPh>
    <rPh sb="48" eb="51">
      <t>シチョウソン</t>
    </rPh>
    <rPh sb="52" eb="55">
      <t>ホケンシャ</t>
    </rPh>
    <rPh sb="55" eb="57">
      <t>バンゴウ</t>
    </rPh>
    <rPh sb="58" eb="60">
      <t>キサイ</t>
    </rPh>
    <rPh sb="64" eb="65">
      <t>シタ</t>
    </rPh>
    <phoneticPr fontId="3"/>
  </si>
  <si>
    <r>
      <t>介護保険</t>
    </r>
    <r>
      <rPr>
        <sz val="12"/>
        <color indexed="10"/>
        <rFont val="ＭＳ ゴシック"/>
        <family val="3"/>
        <charset val="128"/>
      </rPr>
      <t>資格</t>
    </r>
    <r>
      <rPr>
        <sz val="12"/>
        <rFont val="ＭＳ ゴシック"/>
        <family val="3"/>
        <charset val="128"/>
      </rPr>
      <t>情報</t>
    </r>
    <rPh sb="4" eb="6">
      <t>シカク</t>
    </rPh>
    <rPh sb="6" eb="8">
      <t>ジョウホウ</t>
    </rPh>
    <phoneticPr fontId="3"/>
  </si>
  <si>
    <t>　　　また同保険者（広域連合）加入時の自己負担額証明書を添付する場合には同証明書整理番号を記載して下さい。添付する同証明書がない場合には、「添付なし」と記載して下さい。</t>
    <phoneticPr fontId="3"/>
  </si>
  <si>
    <t>　　　下さい。</t>
    <phoneticPr fontId="3"/>
  </si>
  <si>
    <t>平成○○年度</t>
    <rPh sb="0" eb="2">
      <t>ヘイセイ</t>
    </rPh>
    <rPh sb="4" eb="6">
      <t>ネンド</t>
    </rPh>
    <phoneticPr fontId="3"/>
  </si>
  <si>
    <t>3.取下げ</t>
    <rPh sb="2" eb="3">
      <t>ト</t>
    </rPh>
    <rPh sb="3" eb="4">
      <t>サ</t>
    </rPh>
    <phoneticPr fontId="3"/>
  </si>
  <si>
    <t>支払方法</t>
    <rPh sb="0" eb="2">
      <t>シハライ</t>
    </rPh>
    <rPh sb="2" eb="4">
      <t>ホウホウ</t>
    </rPh>
    <phoneticPr fontId="3"/>
  </si>
  <si>
    <t>　　〒９９９－９９９９</t>
    <phoneticPr fontId="3"/>
  </si>
  <si>
    <t>頁欄</t>
  </si>
  <si>
    <t>保険者加入履歴</t>
    <rPh sb="0" eb="3">
      <t>ホケンシャ</t>
    </rPh>
    <rPh sb="3" eb="5">
      <t>カニュウ</t>
    </rPh>
    <rPh sb="5" eb="7">
      <t>リレキ</t>
    </rPh>
    <phoneticPr fontId="3"/>
  </si>
  <si>
    <t>添付の自己負担額証明書整理番号</t>
    <rPh sb="0" eb="2">
      <t>テンプ</t>
    </rPh>
    <rPh sb="3" eb="5">
      <t>ジコ</t>
    </rPh>
    <rPh sb="5" eb="7">
      <t>フタン</t>
    </rPh>
    <rPh sb="7" eb="8">
      <t>ガク</t>
    </rPh>
    <rPh sb="8" eb="11">
      <t>ショウメイショ</t>
    </rPh>
    <rPh sb="11" eb="13">
      <t>セイリ</t>
    </rPh>
    <rPh sb="13" eb="15">
      <t>バンゴウ</t>
    </rPh>
    <phoneticPr fontId="3"/>
  </si>
  <si>
    <t>保険者名称</t>
    <rPh sb="0" eb="3">
      <t>ホケンシャ</t>
    </rPh>
    <rPh sb="3" eb="5">
      <t>メイショウ</t>
    </rPh>
    <phoneticPr fontId="3"/>
  </si>
  <si>
    <t>　　　　年　　月　　日から　　　　年　　月　　日まで</t>
    <rPh sb="4" eb="5">
      <t>ネン</t>
    </rPh>
    <rPh sb="7" eb="8">
      <t>ガツ</t>
    </rPh>
    <rPh sb="10" eb="11">
      <t>ニチ</t>
    </rPh>
    <rPh sb="17" eb="18">
      <t>ネン</t>
    </rPh>
    <rPh sb="20" eb="21">
      <t>ガツ</t>
    </rPh>
    <rPh sb="23" eb="24">
      <t>ニチ</t>
    </rPh>
    <phoneticPr fontId="3"/>
  </si>
  <si>
    <t>1.世帯員</t>
    <rPh sb="2" eb="5">
      <t>セタイイン</t>
    </rPh>
    <phoneticPr fontId="3"/>
  </si>
  <si>
    <t>2.擬制世帯主</t>
    <rPh sb="2" eb="4">
      <t>ギセイ</t>
    </rPh>
    <rPh sb="4" eb="7">
      <t>セタイヌシ</t>
    </rPh>
    <phoneticPr fontId="3"/>
  </si>
  <si>
    <t>3.世帯員</t>
    <rPh sb="2" eb="5">
      <t>セタイイン</t>
    </rPh>
    <phoneticPr fontId="3"/>
  </si>
  <si>
    <t>続柄</t>
    <rPh sb="0" eb="2">
      <t>ゾクガラ</t>
    </rPh>
    <phoneticPr fontId="3"/>
  </si>
  <si>
    <r>
      <t>1.男</t>
    </r>
    <r>
      <rPr>
        <b/>
        <sz val="18"/>
        <rFont val="ＭＳ ゴシック"/>
        <family val="3"/>
        <charset val="128"/>
      </rPr>
      <t xml:space="preserve">
2.女</t>
    </r>
    <rPh sb="2" eb="3">
      <t>オトコ</t>
    </rPh>
    <rPh sb="6" eb="7">
      <t>オンナ</t>
    </rPh>
    <phoneticPr fontId="3"/>
  </si>
  <si>
    <t>1.窓口払い
2.口座振込</t>
    <rPh sb="2" eb="4">
      <t>マドグチ</t>
    </rPh>
    <rPh sb="4" eb="5">
      <t>ハラ</t>
    </rPh>
    <rPh sb="9" eb="11">
      <t>コウザ</t>
    </rPh>
    <rPh sb="11" eb="13">
      <t>フリコ</t>
    </rPh>
    <phoneticPr fontId="3"/>
  </si>
  <si>
    <t>介護保険資格情報</t>
    <phoneticPr fontId="3"/>
  </si>
  <si>
    <t>国民健康保険資格情報</t>
    <phoneticPr fontId="3"/>
  </si>
  <si>
    <t>後期高齢者医療資格情報</t>
    <phoneticPr fontId="3"/>
  </si>
  <si>
    <t>　　　　年　　月　　日　生</t>
    <rPh sb="4" eb="5">
      <t>ネン</t>
    </rPh>
    <rPh sb="7" eb="8">
      <t>ガツ</t>
    </rPh>
    <rPh sb="10" eb="11">
      <t>ニチ</t>
    </rPh>
    <rPh sb="12" eb="13">
      <t>ウ</t>
    </rPh>
    <phoneticPr fontId="3"/>
  </si>
  <si>
    <t>口座管理番号</t>
    <rPh sb="0" eb="2">
      <t>コウザ</t>
    </rPh>
    <rPh sb="2" eb="4">
      <t>カンリ</t>
    </rPh>
    <rPh sb="4" eb="6">
      <t>バンゴウ</t>
    </rPh>
    <phoneticPr fontId="3"/>
  </si>
  <si>
    <t>1.普通　2.当座預金　9.その他</t>
    <rPh sb="2" eb="4">
      <t>フツウ</t>
    </rPh>
    <rPh sb="7" eb="9">
      <t>トウザ</t>
    </rPh>
    <rPh sb="9" eb="11">
      <t>ヨキン</t>
    </rPh>
    <rPh sb="16" eb="17">
      <t>タ</t>
    </rPh>
    <phoneticPr fontId="3"/>
  </si>
  <si>
    <t>フリガナ</t>
    <phoneticPr fontId="3"/>
  </si>
  <si>
    <t>振込口座記入欄</t>
    <rPh sb="0" eb="2">
      <t>フリコミ</t>
    </rPh>
    <rPh sb="2" eb="4">
      <t>コウザ</t>
    </rPh>
    <rPh sb="4" eb="6">
      <t>キニュウ</t>
    </rPh>
    <rPh sb="6" eb="7">
      <t>ラン</t>
    </rPh>
    <phoneticPr fontId="3"/>
  </si>
  <si>
    <t>銀行</t>
    <rPh sb="0" eb="2">
      <t>ギンコウ</t>
    </rPh>
    <phoneticPr fontId="3"/>
  </si>
  <si>
    <t>信用金庫</t>
    <rPh sb="0" eb="2">
      <t>シンヨウ</t>
    </rPh>
    <rPh sb="2" eb="4">
      <t>キンコ</t>
    </rPh>
    <phoneticPr fontId="3"/>
  </si>
  <si>
    <t>信用組合</t>
    <rPh sb="0" eb="2">
      <t>シンヨウ</t>
    </rPh>
    <rPh sb="2" eb="4">
      <t>クミアイ</t>
    </rPh>
    <phoneticPr fontId="3"/>
  </si>
  <si>
    <t>広域連合名称</t>
    <rPh sb="0" eb="2">
      <t>コウイキ</t>
    </rPh>
    <rPh sb="2" eb="4">
      <t>レンゴウ</t>
    </rPh>
    <rPh sb="4" eb="6">
      <t>メイショウ</t>
    </rPh>
    <phoneticPr fontId="3"/>
  </si>
  <si>
    <t>１.普通預金
２.当座預金
９.そ の 他</t>
    <rPh sb="2" eb="4">
      <t>フツウ</t>
    </rPh>
    <rPh sb="4" eb="6">
      <t>ヨキン</t>
    </rPh>
    <rPh sb="9" eb="11">
      <t>トウザ</t>
    </rPh>
    <rPh sb="11" eb="13">
      <t>ヨキン</t>
    </rPh>
    <rPh sb="20" eb="21">
      <t>タ</t>
    </rPh>
    <phoneticPr fontId="3"/>
  </si>
  <si>
    <t>　 ①　高額介護合算療養費の支給を申請します。</t>
    <rPh sb="4" eb="6">
      <t>コウガク</t>
    </rPh>
    <rPh sb="6" eb="8">
      <t>カイゴ</t>
    </rPh>
    <rPh sb="8" eb="10">
      <t>ガッサン</t>
    </rPh>
    <rPh sb="10" eb="12">
      <t>リョウヨウ</t>
    </rPh>
    <rPh sb="12" eb="13">
      <t>ヒ</t>
    </rPh>
    <rPh sb="14" eb="16">
      <t>シキュウ</t>
    </rPh>
    <rPh sb="17" eb="19">
      <t>シンセイ</t>
    </rPh>
    <phoneticPr fontId="3"/>
  </si>
  <si>
    <t>　 ②　自己負担額証明書の交付を申請します。</t>
    <rPh sb="4" eb="6">
      <t>ジコ</t>
    </rPh>
    <rPh sb="6" eb="8">
      <t>フタン</t>
    </rPh>
    <rPh sb="8" eb="9">
      <t>ガク</t>
    </rPh>
    <rPh sb="9" eb="12">
      <t>ショウメイショ</t>
    </rPh>
    <rPh sb="13" eb="15">
      <t>コウフ</t>
    </rPh>
    <rPh sb="16" eb="18">
      <t>シンセイ</t>
    </rPh>
    <phoneticPr fontId="3"/>
  </si>
  <si>
    <t>保険者加入歴</t>
    <rPh sb="0" eb="3">
      <t>ホケンシャ</t>
    </rPh>
    <rPh sb="3" eb="5">
      <t>カニュウ</t>
    </rPh>
    <rPh sb="5" eb="6">
      <t>レキ</t>
    </rPh>
    <phoneticPr fontId="3"/>
  </si>
  <si>
    <t>　　　　年　　月　　日から
　　　　年　　月　　日まで</t>
    <rPh sb="4" eb="5">
      <t>ネン</t>
    </rPh>
    <rPh sb="7" eb="8">
      <t>ツキ</t>
    </rPh>
    <rPh sb="10" eb="11">
      <t>ヒ</t>
    </rPh>
    <rPh sb="18" eb="19">
      <t>ネン</t>
    </rPh>
    <rPh sb="21" eb="22">
      <t>ツキ</t>
    </rPh>
    <rPh sb="24" eb="25">
      <t>ヒ</t>
    </rPh>
    <phoneticPr fontId="3"/>
  </si>
  <si>
    <t>計算期間の末日において加入する医療保険者の名称</t>
    <rPh sb="0" eb="2">
      <t>ケイサン</t>
    </rPh>
    <rPh sb="2" eb="4">
      <t>キカン</t>
    </rPh>
    <rPh sb="5" eb="7">
      <t>マツジツ</t>
    </rPh>
    <rPh sb="11" eb="13">
      <t>カニュウ</t>
    </rPh>
    <rPh sb="15" eb="17">
      <t>イリョウ</t>
    </rPh>
    <rPh sb="17" eb="20">
      <t>ホケンシャ</t>
    </rPh>
    <rPh sb="21" eb="23">
      <t>メイショウ</t>
    </rPh>
    <phoneticPr fontId="3"/>
  </si>
  <si>
    <t>申請者氏名</t>
    <rPh sb="0" eb="3">
      <t>シンセイシャ</t>
    </rPh>
    <rPh sb="3" eb="5">
      <t>シメイ</t>
    </rPh>
    <phoneticPr fontId="3"/>
  </si>
  <si>
    <t>被扶養者氏名</t>
    <rPh sb="0" eb="3">
      <t>ヒフヨウ</t>
    </rPh>
    <rPh sb="3" eb="4">
      <t>シャ</t>
    </rPh>
    <rPh sb="4" eb="6">
      <t>シメイ</t>
    </rPh>
    <phoneticPr fontId="3"/>
  </si>
  <si>
    <t>（２）</t>
  </si>
  <si>
    <t>自己負担額証明書の交付申請を行う場合は、※１は記入不要です。※２について記入してください。</t>
    <rPh sb="0" eb="2">
      <t>ジコ</t>
    </rPh>
    <rPh sb="2" eb="5">
      <t>フタンガク</t>
    </rPh>
    <rPh sb="5" eb="8">
      <t>ショウメイショ</t>
    </rPh>
    <rPh sb="9" eb="11">
      <t>コウフ</t>
    </rPh>
    <rPh sb="11" eb="13">
      <t>シンセイ</t>
    </rPh>
    <rPh sb="14" eb="15">
      <t>オコナ</t>
    </rPh>
    <rPh sb="16" eb="18">
      <t>バアイ</t>
    </rPh>
    <rPh sb="23" eb="25">
      <t>キニュウ</t>
    </rPh>
    <rPh sb="25" eb="27">
      <t>フヨウ</t>
    </rPh>
    <rPh sb="36" eb="38">
      <t>キニュウ</t>
    </rPh>
    <phoneticPr fontId="3"/>
  </si>
  <si>
    <t>１．申請者に係る記入欄について</t>
    <rPh sb="2" eb="5">
      <t>シンセイシャ</t>
    </rPh>
    <rPh sb="6" eb="7">
      <t>カカ</t>
    </rPh>
    <rPh sb="8" eb="11">
      <t>キニュウラン</t>
    </rPh>
    <phoneticPr fontId="3"/>
  </si>
  <si>
    <t>電話番号</t>
    <rPh sb="0" eb="4">
      <t>デンワバンゴウ</t>
    </rPh>
    <phoneticPr fontId="3"/>
  </si>
  <si>
    <t>対象となる計算期間</t>
    <rPh sb="0" eb="2">
      <t>タイショウ</t>
    </rPh>
    <phoneticPr fontId="3"/>
  </si>
  <si>
    <t>申請年月日　　　　　　　　　年　　　　月　　　　日</t>
    <rPh sb="0" eb="2">
      <t>シンセイ</t>
    </rPh>
    <rPh sb="2" eb="5">
      <t>ネンガッピ</t>
    </rPh>
    <rPh sb="14" eb="15">
      <t>ネン</t>
    </rPh>
    <rPh sb="19" eb="20">
      <t>ツキ</t>
    </rPh>
    <rPh sb="24" eb="25">
      <t>ヒ</t>
    </rPh>
    <phoneticPr fontId="3"/>
  </si>
  <si>
    <t>備考欄については、申請者及びその被扶養者であった者の加入期間（それぞれの者について、「氏名」欄の下の「加入期間」欄に記入した期間）における受診歴（受診した年月）を記入してください。（他の医療保険に加入していた期間の受診歴については記入不要です。）</t>
    <rPh sb="0" eb="3">
      <t>ビコウラン</t>
    </rPh>
    <rPh sb="9" eb="12">
      <t>シンセイシャ</t>
    </rPh>
    <rPh sb="12" eb="13">
      <t>オヨ</t>
    </rPh>
    <rPh sb="16" eb="20">
      <t>ヒフヨウシャ</t>
    </rPh>
    <rPh sb="24" eb="25">
      <t>シャ</t>
    </rPh>
    <rPh sb="26" eb="28">
      <t>カニュウ</t>
    </rPh>
    <rPh sb="28" eb="30">
      <t>キカン</t>
    </rPh>
    <rPh sb="36" eb="37">
      <t>シャ</t>
    </rPh>
    <rPh sb="43" eb="45">
      <t>シメイ</t>
    </rPh>
    <rPh sb="46" eb="47">
      <t>ラン</t>
    </rPh>
    <rPh sb="48" eb="49">
      <t>シタ</t>
    </rPh>
    <rPh sb="51" eb="53">
      <t>カニュウ</t>
    </rPh>
    <rPh sb="53" eb="55">
      <t>キカン</t>
    </rPh>
    <rPh sb="56" eb="57">
      <t>ラン</t>
    </rPh>
    <rPh sb="58" eb="60">
      <t>キニュウ</t>
    </rPh>
    <rPh sb="62" eb="64">
      <t>キカン</t>
    </rPh>
    <rPh sb="69" eb="71">
      <t>ジュシン</t>
    </rPh>
    <rPh sb="71" eb="72">
      <t>レキ</t>
    </rPh>
    <rPh sb="73" eb="75">
      <t>ジュシン</t>
    </rPh>
    <rPh sb="77" eb="79">
      <t>ネンゲツ</t>
    </rPh>
    <rPh sb="81" eb="83">
      <t>キニュウ</t>
    </rPh>
    <rPh sb="91" eb="92">
      <t>タ</t>
    </rPh>
    <rPh sb="93" eb="95">
      <t>イリョウ</t>
    </rPh>
    <rPh sb="95" eb="97">
      <t>ホケン</t>
    </rPh>
    <rPh sb="98" eb="100">
      <t>カニュウ</t>
    </rPh>
    <rPh sb="104" eb="106">
      <t>キカン</t>
    </rPh>
    <rPh sb="107" eb="109">
      <t>ジュシン</t>
    </rPh>
    <rPh sb="109" eb="110">
      <t>レキ</t>
    </rPh>
    <rPh sb="115" eb="117">
      <t>キニュウ</t>
    </rPh>
    <rPh sb="117" eb="119">
      <t>フヨウ</t>
    </rPh>
    <phoneticPr fontId="3"/>
  </si>
  <si>
    <t>（組合記入欄）</t>
    <rPh sb="1" eb="3">
      <t>クミアイ</t>
    </rPh>
    <rPh sb="3" eb="5">
      <t>キニュウ</t>
    </rPh>
    <rPh sb="5" eb="6">
      <t>ラン</t>
    </rPh>
    <phoneticPr fontId="3"/>
  </si>
  <si>
    <t>生年月日</t>
    <phoneticPr fontId="3"/>
  </si>
  <si>
    <t>　年　　　　月　　　　日　生　</t>
    <phoneticPr fontId="3"/>
  </si>
  <si>
    <t>　　　　　年　　月　　日から　　　　　　　年　　月　　日まで</t>
    <phoneticPr fontId="3"/>
  </si>
  <si>
    <t>口座振込</t>
    <phoneticPr fontId="3"/>
  </si>
  <si>
    <t>（１）</t>
    <phoneticPr fontId="3"/>
  </si>
  <si>
    <t>　</t>
    <phoneticPr fontId="3"/>
  </si>
  <si>
    <t>・</t>
    <phoneticPr fontId="3"/>
  </si>
  <si>
    <t>　　　　公立神奈川　　　　　</t>
    <rPh sb="4" eb="6">
      <t>コウリツ</t>
    </rPh>
    <rPh sb="6" eb="9">
      <t>カナガワ</t>
    </rPh>
    <phoneticPr fontId="3"/>
  </si>
  <si>
    <r>
      <t>高額介護合算療養費支給申請書兼自己負担額証明書交付申請書</t>
    </r>
    <r>
      <rPr>
        <sz val="24"/>
        <rFont val="ＭＳ ゴシック"/>
        <family val="3"/>
        <charset val="128"/>
      </rPr>
      <t>　　　　　　　　　　　　　　　　　　　　　　　　　　　　　　　　　　　　　　　　　　　　　　　　　　　　　　　　　　　　　</t>
    </r>
    <rPh sb="2" eb="4">
      <t>カイゴ</t>
    </rPh>
    <rPh sb="4" eb="6">
      <t>ガッサン</t>
    </rPh>
    <rPh sb="14" eb="15">
      <t>ケン</t>
    </rPh>
    <rPh sb="15" eb="17">
      <t>ジコ</t>
    </rPh>
    <rPh sb="17" eb="19">
      <t>フタン</t>
    </rPh>
    <rPh sb="19" eb="20">
      <t>ガク</t>
    </rPh>
    <rPh sb="20" eb="23">
      <t>ショウメイショ</t>
    </rPh>
    <rPh sb="23" eb="25">
      <t>コウフ</t>
    </rPh>
    <rPh sb="25" eb="28">
      <t>シンセイショ</t>
    </rPh>
    <phoneticPr fontId="3"/>
  </si>
  <si>
    <t>男</t>
    <rPh sb="0" eb="1">
      <t>オトコ</t>
    </rPh>
    <phoneticPr fontId="3"/>
  </si>
  <si>
    <r>
      <t>　　　　公立神奈川　</t>
    </r>
    <r>
      <rPr>
        <sz val="24"/>
        <color indexed="10"/>
        <rFont val="HG創英角ｺﾞｼｯｸUB"/>
        <family val="3"/>
        <charset val="128"/>
      </rPr>
      <t>１２３４５６</t>
    </r>
    <rPh sb="4" eb="6">
      <t>コウリツ</t>
    </rPh>
    <rPh sb="6" eb="9">
      <t>カナガワ</t>
    </rPh>
    <phoneticPr fontId="3"/>
  </si>
  <si>
    <t>高額介護合算療養費の支給申請のみを行う場合（計算期間の末日に加入する組合への支給申請の場合）は、※２は記入不要です。※１について次のとおり記入してください。
・医療保険については、計算期間内に別の医療保険に加入した履歴があれば記入してください。
・介護保険については、計算期間内のすべての加入履歴について記入してください。ただし、介護保険被保険者証が交付されていない期間については記入不要です。
・自己負担額証明書については、その対象期間における自己負担額がない場合は添付不要ですが、その場合、「添付の自己負担額証明書整理番号」欄に「添付なし」と記入してください。</t>
    <rPh sb="0" eb="2">
      <t>コウガク</t>
    </rPh>
    <rPh sb="2" eb="4">
      <t>カイゴ</t>
    </rPh>
    <rPh sb="4" eb="6">
      <t>ガッサン</t>
    </rPh>
    <rPh sb="6" eb="9">
      <t>リョウヨウヒ</t>
    </rPh>
    <rPh sb="10" eb="12">
      <t>シキュウ</t>
    </rPh>
    <rPh sb="12" eb="14">
      <t>シンセイ</t>
    </rPh>
    <rPh sb="17" eb="18">
      <t>オコナ</t>
    </rPh>
    <rPh sb="19" eb="21">
      <t>バアイ</t>
    </rPh>
    <rPh sb="22" eb="24">
      <t>ケイサン</t>
    </rPh>
    <rPh sb="24" eb="26">
      <t>キカン</t>
    </rPh>
    <rPh sb="27" eb="29">
      <t>マツジツ</t>
    </rPh>
    <rPh sb="30" eb="32">
      <t>カニュウ</t>
    </rPh>
    <rPh sb="34" eb="36">
      <t>クミアイ</t>
    </rPh>
    <rPh sb="38" eb="40">
      <t>シキュウ</t>
    </rPh>
    <rPh sb="40" eb="42">
      <t>シンセイ</t>
    </rPh>
    <rPh sb="43" eb="45">
      <t>バアイ</t>
    </rPh>
    <rPh sb="51" eb="53">
      <t>キニュウ</t>
    </rPh>
    <rPh sb="53" eb="55">
      <t>フヨウ</t>
    </rPh>
    <rPh sb="64" eb="65">
      <t>ツギ</t>
    </rPh>
    <rPh sb="69" eb="71">
      <t>キニュウ</t>
    </rPh>
    <rPh sb="80" eb="82">
      <t>イリョウ</t>
    </rPh>
    <rPh sb="82" eb="84">
      <t>ホケン</t>
    </rPh>
    <rPh sb="90" eb="92">
      <t>ケイサン</t>
    </rPh>
    <rPh sb="92" eb="94">
      <t>キカン</t>
    </rPh>
    <rPh sb="94" eb="95">
      <t>ナイ</t>
    </rPh>
    <rPh sb="96" eb="97">
      <t>ベツ</t>
    </rPh>
    <rPh sb="98" eb="100">
      <t>イリョウ</t>
    </rPh>
    <rPh sb="100" eb="102">
      <t>ホケン</t>
    </rPh>
    <rPh sb="103" eb="105">
      <t>カニュウ</t>
    </rPh>
    <rPh sb="107" eb="109">
      <t>リレキ</t>
    </rPh>
    <rPh sb="113" eb="115">
      <t>キニュウ</t>
    </rPh>
    <rPh sb="124" eb="126">
      <t>カイゴ</t>
    </rPh>
    <rPh sb="126" eb="128">
      <t>ホケン</t>
    </rPh>
    <rPh sb="134" eb="136">
      <t>ケイサン</t>
    </rPh>
    <rPh sb="136" eb="138">
      <t>キカン</t>
    </rPh>
    <rPh sb="138" eb="139">
      <t>ナイ</t>
    </rPh>
    <rPh sb="144" eb="146">
      <t>カニュウ</t>
    </rPh>
    <rPh sb="146" eb="148">
      <t>リレキ</t>
    </rPh>
    <rPh sb="152" eb="154">
      <t>キニュウ</t>
    </rPh>
    <rPh sb="165" eb="167">
      <t>カイゴ</t>
    </rPh>
    <rPh sb="167" eb="169">
      <t>ホケン</t>
    </rPh>
    <rPh sb="169" eb="173">
      <t>ヒホケンシャ</t>
    </rPh>
    <rPh sb="173" eb="174">
      <t>ショウ</t>
    </rPh>
    <rPh sb="175" eb="177">
      <t>コウフ</t>
    </rPh>
    <rPh sb="183" eb="185">
      <t>キカン</t>
    </rPh>
    <rPh sb="190" eb="192">
      <t>キニュウ</t>
    </rPh>
    <rPh sb="192" eb="194">
      <t>フヨウ</t>
    </rPh>
    <rPh sb="199" eb="201">
      <t>ジコ</t>
    </rPh>
    <rPh sb="201" eb="204">
      <t>フタンガク</t>
    </rPh>
    <rPh sb="204" eb="207">
      <t>ショウメイショ</t>
    </rPh>
    <rPh sb="215" eb="217">
      <t>タイショウ</t>
    </rPh>
    <rPh sb="217" eb="219">
      <t>キカン</t>
    </rPh>
    <rPh sb="223" eb="225">
      <t>ジコ</t>
    </rPh>
    <rPh sb="225" eb="228">
      <t>フタンガク</t>
    </rPh>
    <rPh sb="231" eb="233">
      <t>バアイ</t>
    </rPh>
    <rPh sb="234" eb="236">
      <t>テンプ</t>
    </rPh>
    <rPh sb="236" eb="238">
      <t>フヨウ</t>
    </rPh>
    <rPh sb="244" eb="246">
      <t>バアイ</t>
    </rPh>
    <rPh sb="248" eb="250">
      <t>テンプ</t>
    </rPh>
    <rPh sb="251" eb="253">
      <t>ジコ</t>
    </rPh>
    <rPh sb="253" eb="256">
      <t>フタンガク</t>
    </rPh>
    <rPh sb="256" eb="259">
      <t>ショウメイショ</t>
    </rPh>
    <rPh sb="259" eb="261">
      <t>セイリ</t>
    </rPh>
    <rPh sb="261" eb="263">
      <t>バンゴウ</t>
    </rPh>
    <rPh sb="264" eb="265">
      <t>ラン</t>
    </rPh>
    <rPh sb="267" eb="269">
      <t>テンプ</t>
    </rPh>
    <rPh sb="273" eb="275">
      <t>キニュウ</t>
    </rPh>
    <phoneticPr fontId="3"/>
  </si>
  <si>
    <t>高額介護合算療養費の支給申請のみを行う場合（計算期間の末日に加入する組合への支給申請の場合）は、計算期間の末日において被扶養者であった者について記入してください。
この場合については※３の記入が必要ですので、次のとおり記入してください。
・医療保険については、計算期間内に別の医療保険に加入した履歴があれば記入してください。
・介護保険については、計算期間内のすべての加入履歴について記入してください。ただし、介護保険被保険者証が交付されていない期間については記入不要です。
・自己負担額証明書については、その対象期間における自己負担額がない場合は添付不要ですが、その場合、「添付の自己負担額証明書整理番号」欄に「添付なし」と記入してください。</t>
    <rPh sb="34" eb="36">
      <t>クミアイ</t>
    </rPh>
    <rPh sb="48" eb="50">
      <t>ケイサン</t>
    </rPh>
    <rPh sb="50" eb="52">
      <t>キカン</t>
    </rPh>
    <rPh sb="53" eb="55">
      <t>マツジツ</t>
    </rPh>
    <rPh sb="59" eb="63">
      <t>ヒフヨウシャ</t>
    </rPh>
    <rPh sb="67" eb="68">
      <t>シャ</t>
    </rPh>
    <rPh sb="72" eb="74">
      <t>キニュウ</t>
    </rPh>
    <rPh sb="84" eb="86">
      <t>バアイ</t>
    </rPh>
    <rPh sb="94" eb="96">
      <t>キニュウ</t>
    </rPh>
    <rPh sb="97" eb="99">
      <t>ヒツヨウ</t>
    </rPh>
    <rPh sb="104" eb="105">
      <t>ツギ</t>
    </rPh>
    <rPh sb="109" eb="111">
      <t>キニュウ</t>
    </rPh>
    <phoneticPr fontId="3"/>
  </si>
  <si>
    <t>支給方法　</t>
    <rPh sb="0" eb="2">
      <t>シキュウ</t>
    </rPh>
    <rPh sb="2" eb="4">
      <t>ホウホウ</t>
    </rPh>
    <phoneticPr fontId="3"/>
  </si>
  <si>
    <t>（３）</t>
    <phoneticPr fontId="3"/>
  </si>
  <si>
    <t>高額介護合算療養費の支給申請を行う場合の　※４の支給方法について、すでに短期給付金の口座を登録している場合は記入不要です。</t>
    <rPh sb="0" eb="2">
      <t>コウガク</t>
    </rPh>
    <rPh sb="2" eb="4">
      <t>カイゴ</t>
    </rPh>
    <rPh sb="4" eb="6">
      <t>ガッサン</t>
    </rPh>
    <rPh sb="6" eb="9">
      <t>リョウヨウヒ</t>
    </rPh>
    <rPh sb="10" eb="12">
      <t>シキュウ</t>
    </rPh>
    <rPh sb="12" eb="14">
      <t>シンセイ</t>
    </rPh>
    <rPh sb="15" eb="16">
      <t>オコナ</t>
    </rPh>
    <rPh sb="17" eb="19">
      <t>バアイ</t>
    </rPh>
    <rPh sb="24" eb="26">
      <t>シキュウ</t>
    </rPh>
    <rPh sb="26" eb="28">
      <t>ホウホウ</t>
    </rPh>
    <rPh sb="36" eb="38">
      <t>タンキ</t>
    </rPh>
    <rPh sb="38" eb="40">
      <t>キュウフ</t>
    </rPh>
    <rPh sb="40" eb="41">
      <t>キン</t>
    </rPh>
    <rPh sb="42" eb="44">
      <t>コウザ</t>
    </rPh>
    <rPh sb="45" eb="47">
      <t>トウロク</t>
    </rPh>
    <rPh sb="51" eb="53">
      <t>バアイ</t>
    </rPh>
    <rPh sb="54" eb="56">
      <t>キニュウ</t>
    </rPh>
    <rPh sb="56" eb="58">
      <t>フヨウショウメイショセイリバンゴウランテンプキニュウ</t>
    </rPh>
    <phoneticPr fontId="3"/>
  </si>
  <si>
    <t>共済　はなこ</t>
    <rPh sb="0" eb="2">
      <t>キョウサイ</t>
    </rPh>
    <phoneticPr fontId="3"/>
  </si>
  <si>
    <t>女</t>
    <rPh sb="0" eb="1">
      <t>オンナ</t>
    </rPh>
    <phoneticPr fontId="3"/>
  </si>
  <si>
    <t>国民健康保険</t>
    <rPh sb="0" eb="2">
      <t>コクミン</t>
    </rPh>
    <rPh sb="2" eb="4">
      <t>ケンコウ</t>
    </rPh>
    <rPh sb="4" eb="6">
      <t>ホケン</t>
    </rPh>
    <phoneticPr fontId="3"/>
  </si>
  <si>
    <t>△△健康保険</t>
    <rPh sb="2" eb="4">
      <t>ケンコウ</t>
    </rPh>
    <rPh sb="4" eb="6">
      <t>ホケン</t>
    </rPh>
    <phoneticPr fontId="3"/>
  </si>
  <si>
    <t>添付なし</t>
    <rPh sb="0" eb="2">
      <t>テンプ</t>
    </rPh>
    <phoneticPr fontId="3"/>
  </si>
  <si>
    <t>200XXXXXXXXXXXXXXXXX</t>
    <phoneticPr fontId="3"/>
  </si>
  <si>
    <r>
      <t>郵便番号　　</t>
    </r>
    <r>
      <rPr>
        <sz val="20"/>
        <color indexed="10"/>
        <rFont val="HG創英角ｺﾞｼｯｸUB"/>
        <family val="3"/>
        <charset val="128"/>
      </rPr>
      <t>×××-××××</t>
    </r>
    <rPh sb="0" eb="4">
      <t>ユウビンバンゴウ</t>
    </rPh>
    <phoneticPr fontId="3"/>
  </si>
  <si>
    <r>
      <t>住所　　　　</t>
    </r>
    <r>
      <rPr>
        <sz val="20"/>
        <color indexed="10"/>
        <rFont val="HG創英角ｺﾞｼｯｸUB"/>
        <family val="3"/>
        <charset val="128"/>
      </rPr>
      <t>横浜市中区○○番</t>
    </r>
    <rPh sb="0" eb="2">
      <t>ジュウショ</t>
    </rPh>
    <rPh sb="6" eb="9">
      <t>ヨコハマシ</t>
    </rPh>
    <rPh sb="9" eb="11">
      <t>ナカク</t>
    </rPh>
    <rPh sb="13" eb="14">
      <t>バン</t>
    </rPh>
    <phoneticPr fontId="3"/>
  </si>
  <si>
    <r>
      <t>電話番号　　　</t>
    </r>
    <r>
      <rPr>
        <sz val="18"/>
        <color indexed="10"/>
        <rFont val="HG創英角ｺﾞｼｯｸUB"/>
        <family val="3"/>
        <charset val="128"/>
      </rPr>
      <t>045-XXX-XXXX</t>
    </r>
    <rPh sb="0" eb="4">
      <t>デンワバンゴウ</t>
    </rPh>
    <phoneticPr fontId="3"/>
  </si>
  <si>
    <t>申請者氏名(署名)</t>
    <rPh sb="0" eb="2">
      <t>シンセイ</t>
    </rPh>
    <rPh sb="2" eb="3">
      <t>シャ</t>
    </rPh>
    <rPh sb="3" eb="5">
      <t>シメイ</t>
    </rPh>
    <rPh sb="6" eb="8">
      <t>ショメイ</t>
    </rPh>
    <phoneticPr fontId="3"/>
  </si>
  <si>
    <r>
      <t>申請者氏名(署名)　</t>
    </r>
    <r>
      <rPr>
        <sz val="20"/>
        <color indexed="10"/>
        <rFont val="HG創英角ｺﾞｼｯｸUB"/>
        <family val="3"/>
        <charset val="128"/>
      </rPr>
      <t>共済　たろう</t>
    </r>
    <rPh sb="0" eb="2">
      <t>シンセイ</t>
    </rPh>
    <rPh sb="2" eb="3">
      <t>シャ</t>
    </rPh>
    <rPh sb="3" eb="5">
      <t>シメイ</t>
    </rPh>
    <rPh sb="6" eb="8">
      <t>ショメイ</t>
    </rPh>
    <rPh sb="10" eb="12">
      <t>キョウサイ</t>
    </rPh>
    <phoneticPr fontId="3"/>
  </si>
  <si>
    <t>年度</t>
    <rPh sb="0" eb="2">
      <t>ネンド</t>
    </rPh>
    <phoneticPr fontId="3"/>
  </si>
  <si>
    <t>年</t>
    <rPh sb="0" eb="1">
      <t>ネン</t>
    </rPh>
    <phoneticPr fontId="3"/>
  </si>
  <si>
    <t>月</t>
    <rPh sb="0" eb="1">
      <t>ガツ</t>
    </rPh>
    <phoneticPr fontId="3"/>
  </si>
  <si>
    <t>日から</t>
    <rPh sb="0" eb="1">
      <t>ニチ</t>
    </rPh>
    <phoneticPr fontId="3"/>
  </si>
  <si>
    <t>日まで</t>
    <rPh sb="0" eb="1">
      <t>ニチ</t>
    </rPh>
    <phoneticPr fontId="3"/>
  </si>
  <si>
    <t>月</t>
    <rPh sb="0" eb="1">
      <t>ツキ</t>
    </rPh>
    <phoneticPr fontId="3"/>
  </si>
  <si>
    <t>年</t>
    <rPh sb="0" eb="1">
      <t>ネン</t>
    </rPh>
    <phoneticPr fontId="3"/>
  </si>
  <si>
    <t>月</t>
    <rPh sb="0" eb="1">
      <t>ツキ</t>
    </rPh>
    <phoneticPr fontId="3"/>
  </si>
  <si>
    <t>日まで</t>
    <rPh sb="0" eb="1">
      <t>ニチ</t>
    </rPh>
    <phoneticPr fontId="3"/>
  </si>
  <si>
    <t>日から</t>
    <rPh sb="0" eb="1">
      <t>ニチ</t>
    </rPh>
    <phoneticPr fontId="3"/>
  </si>
  <si>
    <t>銀　　行
信用金庫
信用組合</t>
    <phoneticPr fontId="3"/>
  </si>
  <si>
    <t>本　店
支　店
出張所</t>
    <phoneticPr fontId="3"/>
  </si>
  <si>
    <r>
      <t>　</t>
    </r>
    <r>
      <rPr>
        <sz val="16"/>
        <color indexed="10"/>
        <rFont val="HG創英角ｺﾞｼｯｸUB"/>
        <family val="3"/>
        <charset val="128"/>
      </rPr>
      <t>平成25</t>
    </r>
    <r>
      <rPr>
        <sz val="16"/>
        <rFont val="ＭＳ ゴシック"/>
        <family val="3"/>
        <charset val="128"/>
      </rPr>
      <t>年　</t>
    </r>
    <r>
      <rPr>
        <sz val="16"/>
        <color indexed="10"/>
        <rFont val="HG創英角ｺﾞｼｯｸUB"/>
        <family val="3"/>
        <charset val="128"/>
      </rPr>
      <t>４</t>
    </r>
    <r>
      <rPr>
        <sz val="16"/>
        <rFont val="ＭＳ ゴシック"/>
        <family val="3"/>
        <charset val="128"/>
      </rPr>
      <t>月　</t>
    </r>
    <r>
      <rPr>
        <sz val="16"/>
        <color indexed="10"/>
        <rFont val="HG創英角ｺﾞｼｯｸUB"/>
        <family val="3"/>
        <charset val="128"/>
      </rPr>
      <t>１</t>
    </r>
    <r>
      <rPr>
        <sz val="16"/>
        <rFont val="ＭＳ ゴシック"/>
        <family val="3"/>
        <charset val="128"/>
      </rPr>
      <t>日から
　</t>
    </r>
    <r>
      <rPr>
        <sz val="16"/>
        <color indexed="10"/>
        <rFont val="HG創英角ｺﾞｼｯｸUB"/>
        <family val="3"/>
        <charset val="128"/>
      </rPr>
      <t>平成26</t>
    </r>
    <r>
      <rPr>
        <sz val="16"/>
        <rFont val="ＭＳ ゴシック"/>
        <family val="3"/>
        <charset val="128"/>
      </rPr>
      <t>年　</t>
    </r>
    <r>
      <rPr>
        <sz val="16"/>
        <color indexed="10"/>
        <rFont val="HG創英角ｺﾞｼｯｸUB"/>
        <family val="3"/>
        <charset val="128"/>
      </rPr>
      <t>２</t>
    </r>
    <r>
      <rPr>
        <sz val="16"/>
        <rFont val="ＭＳ ゴシック"/>
        <family val="3"/>
        <charset val="128"/>
      </rPr>
      <t>月　</t>
    </r>
    <r>
      <rPr>
        <sz val="16"/>
        <color indexed="10"/>
        <rFont val="HG創英角ｺﾞｼｯｸUB"/>
        <family val="3"/>
        <charset val="128"/>
      </rPr>
      <t>28</t>
    </r>
    <r>
      <rPr>
        <sz val="16"/>
        <rFont val="ＭＳ ゴシック"/>
        <family val="3"/>
        <charset val="128"/>
      </rPr>
      <t>日まで</t>
    </r>
    <rPh sb="1" eb="3">
      <t>ヘイセイ</t>
    </rPh>
    <rPh sb="5" eb="6">
      <t>ネン</t>
    </rPh>
    <rPh sb="8" eb="9">
      <t>ツキ</t>
    </rPh>
    <rPh sb="11" eb="12">
      <t>ヒ</t>
    </rPh>
    <rPh sb="16" eb="18">
      <t>ヘイセイ</t>
    </rPh>
    <rPh sb="20" eb="21">
      <t>ネン</t>
    </rPh>
    <rPh sb="23" eb="24">
      <t>ツキ</t>
    </rPh>
    <rPh sb="27" eb="28">
      <t>ヒ</t>
    </rPh>
    <phoneticPr fontId="3"/>
  </si>
  <si>
    <t>年</t>
    <rPh sb="0" eb="1">
      <t>ネン</t>
    </rPh>
    <phoneticPr fontId="3"/>
  </si>
  <si>
    <t>月</t>
    <rPh sb="0" eb="1">
      <t>ガツ</t>
    </rPh>
    <phoneticPr fontId="3"/>
  </si>
  <si>
    <t>日</t>
    <rPh sb="0" eb="1">
      <t>ニチ</t>
    </rPh>
    <phoneticPr fontId="3"/>
  </si>
  <si>
    <t>請求の時効は事由発生から２年です。</t>
    <rPh sb="0" eb="2">
      <t>セイキュウ</t>
    </rPh>
    <rPh sb="3" eb="5">
      <t>ジコウ</t>
    </rPh>
    <rPh sb="6" eb="10">
      <t>ジユウハッセイ</t>
    </rPh>
    <rPh sb="13" eb="14">
      <t>ネン</t>
    </rPh>
    <phoneticPr fontId="3"/>
  </si>
  <si>
    <t>ふりがな</t>
    <phoneticPr fontId="3"/>
  </si>
  <si>
    <t>ふりがな</t>
    <phoneticPr fontId="3"/>
  </si>
  <si>
    <t>きょうさい　たろう</t>
    <phoneticPr fontId="3"/>
  </si>
  <si>
    <t>ふりがな</t>
    <phoneticPr fontId="3"/>
  </si>
  <si>
    <r>
      <t>　</t>
    </r>
    <r>
      <rPr>
        <sz val="16"/>
        <color indexed="10"/>
        <rFont val="HG創英角ｺﾞｼｯｸUB"/>
        <family val="3"/>
        <charset val="128"/>
      </rPr>
      <t>平成31</t>
    </r>
    <r>
      <rPr>
        <sz val="16"/>
        <rFont val="ＭＳ ゴシック"/>
        <family val="3"/>
        <charset val="128"/>
      </rPr>
      <t>年　</t>
    </r>
    <r>
      <rPr>
        <sz val="16"/>
        <color indexed="10"/>
        <rFont val="HG創英角ｺﾞｼｯｸUB"/>
        <family val="3"/>
        <charset val="128"/>
      </rPr>
      <t>３</t>
    </r>
    <r>
      <rPr>
        <sz val="16"/>
        <rFont val="ＭＳ ゴシック"/>
        <family val="3"/>
        <charset val="128"/>
      </rPr>
      <t>月　</t>
    </r>
    <r>
      <rPr>
        <sz val="16"/>
        <color indexed="10"/>
        <rFont val="HG創英角ｺﾞｼｯｸUB"/>
        <family val="3"/>
        <charset val="128"/>
      </rPr>
      <t>１</t>
    </r>
    <r>
      <rPr>
        <sz val="16"/>
        <rFont val="ＭＳ ゴシック"/>
        <family val="3"/>
        <charset val="128"/>
      </rPr>
      <t>日から
　</t>
    </r>
    <r>
      <rPr>
        <sz val="16"/>
        <color indexed="10"/>
        <rFont val="HG創英角ｺﾞｼｯｸUB"/>
        <family val="3"/>
        <charset val="128"/>
      </rPr>
      <t>令和５</t>
    </r>
    <r>
      <rPr>
        <sz val="16"/>
        <rFont val="ＭＳ ゴシック"/>
        <family val="3"/>
        <charset val="128"/>
      </rPr>
      <t>年　</t>
    </r>
    <r>
      <rPr>
        <sz val="16"/>
        <color indexed="10"/>
        <rFont val="HG創英角ｺﾞｼｯｸUB"/>
        <family val="3"/>
        <charset val="128"/>
      </rPr>
      <t>３</t>
    </r>
    <r>
      <rPr>
        <sz val="16"/>
        <rFont val="ＭＳ ゴシック"/>
        <family val="3"/>
        <charset val="128"/>
      </rPr>
      <t>月　</t>
    </r>
    <r>
      <rPr>
        <sz val="16"/>
        <color indexed="10"/>
        <rFont val="HG創英角ｺﾞｼｯｸUB"/>
        <family val="3"/>
        <charset val="128"/>
      </rPr>
      <t>31</t>
    </r>
    <r>
      <rPr>
        <sz val="16"/>
        <rFont val="ＭＳ ゴシック"/>
        <family val="3"/>
        <charset val="128"/>
      </rPr>
      <t>日まで</t>
    </r>
    <rPh sb="1" eb="3">
      <t>ヘイセイ</t>
    </rPh>
    <rPh sb="5" eb="6">
      <t>ネン</t>
    </rPh>
    <rPh sb="8" eb="9">
      <t>ツキ</t>
    </rPh>
    <rPh sb="11" eb="12">
      <t>ヒ</t>
    </rPh>
    <rPh sb="16" eb="18">
      <t>レイワ</t>
    </rPh>
    <rPh sb="19" eb="20">
      <t>ネン</t>
    </rPh>
    <rPh sb="22" eb="23">
      <t>ツキ</t>
    </rPh>
    <rPh sb="26" eb="27">
      <t>ヒ</t>
    </rPh>
    <phoneticPr fontId="3"/>
  </si>
  <si>
    <t>きょうさい　はなこ</t>
    <phoneticPr fontId="3"/>
  </si>
  <si>
    <t>共済　太郎</t>
    <rPh sb="0" eb="2">
      <t>キョウサイ</t>
    </rPh>
    <rPh sb="3" eb="5">
      <t>タロウ</t>
    </rPh>
    <phoneticPr fontId="3"/>
  </si>
  <si>
    <t>公立学校共済組合神奈川支部長　様</t>
    <rPh sb="0" eb="2">
      <t>コウリツ</t>
    </rPh>
    <rPh sb="2" eb="4">
      <t>ガッコウ</t>
    </rPh>
    <rPh sb="4" eb="6">
      <t>キョウサイ</t>
    </rPh>
    <rPh sb="6" eb="8">
      <t>クミアイ</t>
    </rPh>
    <rPh sb="8" eb="11">
      <t>カナガワ</t>
    </rPh>
    <rPh sb="11" eb="14">
      <t>シブチョウ</t>
    </rPh>
    <rPh sb="15" eb="16">
      <t>サマ</t>
    </rPh>
    <phoneticPr fontId="3"/>
  </si>
  <si>
    <t>組合員等の記号・番号</t>
    <rPh sb="0" eb="3">
      <t>クミアイイン</t>
    </rPh>
    <rPh sb="3" eb="4">
      <t>トウ</t>
    </rPh>
    <rPh sb="5" eb="7">
      <t>キゴウ</t>
    </rPh>
    <rPh sb="8" eb="10">
      <t>バンゴウ</t>
    </rPh>
    <phoneticPr fontId="3"/>
  </si>
  <si>
    <r>
      <t xml:space="preserve">  〇 </t>
    </r>
    <r>
      <rPr>
        <sz val="20"/>
        <rFont val="ＭＳ ゴシック"/>
        <family val="3"/>
        <charset val="128"/>
      </rPr>
      <t>年</t>
    </r>
    <r>
      <rPr>
        <sz val="20"/>
        <rFont val="HG創英角ｺﾞｼｯｸUB"/>
        <family val="3"/>
        <charset val="128"/>
      </rPr>
      <t xml:space="preserve"> </t>
    </r>
    <r>
      <rPr>
        <sz val="20"/>
        <color rgb="FFFF0000"/>
        <rFont val="HG創英角ｺﾞｼｯｸUB"/>
        <family val="3"/>
        <charset val="128"/>
      </rPr>
      <t>〇</t>
    </r>
    <r>
      <rPr>
        <sz val="20"/>
        <color indexed="10"/>
        <rFont val="HG創英角ｺﾞｼｯｸUB"/>
        <family val="3"/>
        <charset val="128"/>
      </rPr>
      <t xml:space="preserve"> </t>
    </r>
    <r>
      <rPr>
        <sz val="20"/>
        <rFont val="ＭＳ ゴシック"/>
        <family val="3"/>
        <charset val="128"/>
      </rPr>
      <t>月</t>
    </r>
    <r>
      <rPr>
        <sz val="20"/>
        <rFont val="HG創英角ｺﾞｼｯｸUB"/>
        <family val="3"/>
        <charset val="128"/>
      </rPr>
      <t xml:space="preserve"> </t>
    </r>
    <r>
      <rPr>
        <sz val="20"/>
        <color rgb="FFFF0000"/>
        <rFont val="HG創英角ｺﾞｼｯｸUB"/>
        <family val="3"/>
        <charset val="128"/>
      </rPr>
      <t>〇</t>
    </r>
    <r>
      <rPr>
        <sz val="20"/>
        <color indexed="10"/>
        <rFont val="HG創英角ｺﾞｼｯｸUB"/>
        <family val="3"/>
        <charset val="128"/>
      </rPr>
      <t xml:space="preserve"> </t>
    </r>
    <r>
      <rPr>
        <sz val="20"/>
        <rFont val="ＭＳ ゴシック"/>
        <family val="3"/>
        <charset val="128"/>
      </rPr>
      <t>日から</t>
    </r>
    <r>
      <rPr>
        <sz val="20"/>
        <color indexed="10"/>
        <rFont val="HG創英角ｺﾞｼｯｸUB"/>
        <family val="3"/>
        <charset val="128"/>
      </rPr>
      <t xml:space="preserve"> </t>
    </r>
    <r>
      <rPr>
        <sz val="20"/>
        <color rgb="FFFF0000"/>
        <rFont val="HG創英角ｺﾞｼｯｸUB"/>
        <family val="3"/>
        <charset val="128"/>
      </rPr>
      <t>〇</t>
    </r>
    <r>
      <rPr>
        <sz val="20"/>
        <color indexed="10"/>
        <rFont val="HG創英角ｺﾞｼｯｸUB"/>
        <family val="3"/>
        <charset val="128"/>
      </rPr>
      <t xml:space="preserve"> </t>
    </r>
    <r>
      <rPr>
        <sz val="20"/>
        <rFont val="ＭＳ ゴシック"/>
        <family val="3"/>
        <charset val="128"/>
      </rPr>
      <t>年</t>
    </r>
    <r>
      <rPr>
        <sz val="20"/>
        <rFont val="HG創英角ｺﾞｼｯｸUB"/>
        <family val="3"/>
        <charset val="128"/>
      </rPr>
      <t xml:space="preserve"> </t>
    </r>
    <r>
      <rPr>
        <sz val="20"/>
        <color rgb="FFFF0000"/>
        <rFont val="HG創英角ｺﾞｼｯｸUB"/>
        <family val="3"/>
        <charset val="128"/>
      </rPr>
      <t>７</t>
    </r>
    <r>
      <rPr>
        <sz val="20"/>
        <color indexed="10"/>
        <rFont val="HG創英角ｺﾞｼｯｸUB"/>
        <family val="3"/>
        <charset val="128"/>
      </rPr>
      <t xml:space="preserve"> </t>
    </r>
    <r>
      <rPr>
        <sz val="20"/>
        <rFont val="ＭＳ ゴシック"/>
        <family val="3"/>
        <charset val="128"/>
      </rPr>
      <t>月</t>
    </r>
    <r>
      <rPr>
        <sz val="20"/>
        <rFont val="HG創英角ｺﾞｼｯｸUB"/>
        <family val="3"/>
        <charset val="128"/>
      </rPr>
      <t xml:space="preserve"> </t>
    </r>
    <r>
      <rPr>
        <sz val="20"/>
        <color rgb="FFFF0000"/>
        <rFont val="HG創英角ｺﾞｼｯｸUB"/>
        <family val="3"/>
        <charset val="128"/>
      </rPr>
      <t>31</t>
    </r>
    <r>
      <rPr>
        <sz val="20"/>
        <color indexed="10"/>
        <rFont val="HG創英角ｺﾞｼｯｸUB"/>
        <family val="3"/>
        <charset val="128"/>
      </rPr>
      <t xml:space="preserve"> </t>
    </r>
    <r>
      <rPr>
        <sz val="20"/>
        <rFont val="ＭＳ ゴシック"/>
        <family val="3"/>
        <charset val="128"/>
      </rPr>
      <t>日まで</t>
    </r>
    <rPh sb="12" eb="13">
      <t>ヒ</t>
    </rPh>
    <rPh sb="27" eb="28">
      <t>ヒ</t>
    </rPh>
    <phoneticPr fontId="3"/>
  </si>
  <si>
    <r>
      <t xml:space="preserve"> 〇 </t>
    </r>
    <r>
      <rPr>
        <sz val="18"/>
        <rFont val="ＭＳ Ｐゴシック"/>
        <family val="3"/>
        <charset val="128"/>
        <scheme val="minor"/>
      </rPr>
      <t>年</t>
    </r>
    <r>
      <rPr>
        <sz val="18"/>
        <rFont val="HGP創英角ﾎﾟｯﾌﾟ体"/>
        <family val="3"/>
        <charset val="128"/>
      </rPr>
      <t>　</t>
    </r>
    <r>
      <rPr>
        <sz val="20"/>
        <color rgb="FFFF0000"/>
        <rFont val="HGP創英角ﾎﾟｯﾌﾟ体"/>
        <family val="3"/>
        <charset val="128"/>
      </rPr>
      <t>〇</t>
    </r>
    <r>
      <rPr>
        <sz val="18"/>
        <rFont val="HGP創英角ﾎﾟｯﾌﾟ体"/>
        <family val="3"/>
        <charset val="128"/>
      </rPr>
      <t>　</t>
    </r>
    <r>
      <rPr>
        <sz val="18"/>
        <rFont val="ＭＳ Ｐゴシック"/>
        <family val="3"/>
        <charset val="128"/>
        <scheme val="minor"/>
      </rPr>
      <t>月</t>
    </r>
    <r>
      <rPr>
        <sz val="18"/>
        <rFont val="HGP創英角ﾎﾟｯﾌﾟ体"/>
        <family val="3"/>
        <charset val="128"/>
      </rPr>
      <t>　</t>
    </r>
    <r>
      <rPr>
        <sz val="20"/>
        <color rgb="FFFF0000"/>
        <rFont val="HGP創英角ﾎﾟｯﾌﾟ体"/>
        <family val="3"/>
        <charset val="128"/>
      </rPr>
      <t>〇</t>
    </r>
    <r>
      <rPr>
        <sz val="18"/>
        <rFont val="HGP創英角ﾎﾟｯﾌﾟ体"/>
        <family val="3"/>
        <charset val="128"/>
      </rPr>
      <t>　</t>
    </r>
    <r>
      <rPr>
        <sz val="18"/>
        <rFont val="ＭＳ Ｐゴシック"/>
        <family val="3"/>
        <charset val="128"/>
        <scheme val="minor"/>
      </rPr>
      <t>日　生　</t>
    </r>
    <phoneticPr fontId="3"/>
  </si>
  <si>
    <r>
      <t>　</t>
    </r>
    <r>
      <rPr>
        <sz val="20"/>
        <color indexed="10"/>
        <rFont val="HG創英角ｺﾞｼｯｸUB"/>
        <family val="3"/>
        <charset val="128"/>
      </rPr>
      <t xml:space="preserve"> </t>
    </r>
    <r>
      <rPr>
        <sz val="20"/>
        <color indexed="10"/>
        <rFont val="HGP創英角ﾎﾟｯﾌﾟ体"/>
        <family val="3"/>
        <charset val="128"/>
      </rPr>
      <t>〇</t>
    </r>
    <r>
      <rPr>
        <sz val="20"/>
        <color indexed="10"/>
        <rFont val="HG創英角ｺﾞｼｯｸUB"/>
        <family val="3"/>
        <charset val="128"/>
      </rPr>
      <t xml:space="preserve"> </t>
    </r>
    <r>
      <rPr>
        <sz val="18"/>
        <rFont val="ＭＳ ゴシック"/>
        <family val="3"/>
        <charset val="128"/>
      </rPr>
      <t>年</t>
    </r>
    <r>
      <rPr>
        <sz val="18"/>
        <rFont val="HG創英角ｺﾞｼｯｸUB"/>
        <family val="3"/>
        <charset val="128"/>
      </rPr>
      <t xml:space="preserve"> </t>
    </r>
    <r>
      <rPr>
        <sz val="20"/>
        <color rgb="FFFF0000"/>
        <rFont val="HGP創英角ﾎﾟｯﾌﾟ体"/>
        <family val="3"/>
        <charset val="128"/>
      </rPr>
      <t>〇</t>
    </r>
    <r>
      <rPr>
        <sz val="20"/>
        <color indexed="10"/>
        <rFont val="HG創英角ｺﾞｼｯｸUB"/>
        <family val="3"/>
        <charset val="128"/>
      </rPr>
      <t xml:space="preserve"> </t>
    </r>
    <r>
      <rPr>
        <sz val="18"/>
        <rFont val="ＭＳ ゴシック"/>
        <family val="3"/>
        <charset val="128"/>
      </rPr>
      <t>月</t>
    </r>
    <r>
      <rPr>
        <sz val="18"/>
        <color rgb="FFFF0000"/>
        <rFont val="HG創英角ｺﾞｼｯｸUB"/>
        <family val="3"/>
        <charset val="128"/>
      </rPr>
      <t xml:space="preserve"> </t>
    </r>
    <r>
      <rPr>
        <sz val="20"/>
        <color rgb="FFFF0000"/>
        <rFont val="HGP創英角ﾎﾟｯﾌﾟ体"/>
        <family val="3"/>
        <charset val="128"/>
      </rPr>
      <t>〇</t>
    </r>
    <r>
      <rPr>
        <sz val="20"/>
        <color indexed="10"/>
        <rFont val="HG創英角ｺﾞｼｯｸUB"/>
        <family val="3"/>
        <charset val="128"/>
      </rPr>
      <t xml:space="preserve"> </t>
    </r>
    <r>
      <rPr>
        <sz val="18"/>
        <rFont val="ＭＳ ゴシック"/>
        <family val="3"/>
        <charset val="128"/>
      </rPr>
      <t>日から　　年　　月　　日まで</t>
    </r>
    <phoneticPr fontId="3"/>
  </si>
  <si>
    <r>
      <rPr>
        <sz val="20"/>
        <color rgb="FFFF0000"/>
        <rFont val="HG創英角ｺﾞｼｯｸUB"/>
        <family val="3"/>
        <charset val="128"/>
      </rPr>
      <t xml:space="preserve"> </t>
    </r>
    <r>
      <rPr>
        <sz val="20"/>
        <color rgb="FFFF0000"/>
        <rFont val="HGP創英角ﾎﾟｯﾌﾟ体"/>
        <family val="3"/>
        <charset val="128"/>
      </rPr>
      <t>〇</t>
    </r>
    <r>
      <rPr>
        <sz val="20"/>
        <color rgb="FFFF0000"/>
        <rFont val="HG創英角ｺﾞｼｯｸUB"/>
        <family val="3"/>
        <charset val="128"/>
      </rPr>
      <t xml:space="preserve"> </t>
    </r>
    <r>
      <rPr>
        <sz val="18"/>
        <rFont val="ＭＳ ゴシック"/>
        <family val="3"/>
        <charset val="128"/>
      </rPr>
      <t>年</t>
    </r>
    <r>
      <rPr>
        <sz val="18"/>
        <rFont val="HG創英角ｺﾞｼｯｸUB"/>
        <family val="3"/>
        <charset val="128"/>
      </rPr>
      <t xml:space="preserve"> </t>
    </r>
    <r>
      <rPr>
        <sz val="20"/>
        <color rgb="FFFF0000"/>
        <rFont val="HGP創英角ﾎﾟｯﾌﾟ体"/>
        <family val="3"/>
        <charset val="128"/>
      </rPr>
      <t>〇</t>
    </r>
    <r>
      <rPr>
        <sz val="20"/>
        <color indexed="10"/>
        <rFont val="HG創英角ｺﾞｼｯｸUB"/>
        <family val="3"/>
        <charset val="128"/>
      </rPr>
      <t xml:space="preserve"> </t>
    </r>
    <r>
      <rPr>
        <sz val="18"/>
        <rFont val="ＭＳ ゴシック"/>
        <family val="3"/>
        <charset val="128"/>
      </rPr>
      <t>月</t>
    </r>
    <r>
      <rPr>
        <sz val="18"/>
        <rFont val="HG創英角ｺﾞｼｯｸUB"/>
        <family val="3"/>
        <charset val="128"/>
      </rPr>
      <t xml:space="preserve"> </t>
    </r>
    <r>
      <rPr>
        <sz val="20"/>
        <color rgb="FFFF0000"/>
        <rFont val="HGP創英角ﾎﾟｯﾌﾟ体"/>
        <family val="3"/>
        <charset val="128"/>
      </rPr>
      <t>〇</t>
    </r>
    <r>
      <rPr>
        <sz val="20"/>
        <color indexed="10"/>
        <rFont val="HG創英角ｺﾞｼｯｸUB"/>
        <family val="3"/>
        <charset val="128"/>
      </rPr>
      <t xml:space="preserve"> </t>
    </r>
    <r>
      <rPr>
        <sz val="18"/>
        <rFont val="ＭＳ ゴシック"/>
        <family val="3"/>
        <charset val="128"/>
      </rPr>
      <t>日から　　　　年　　月　　日まで</t>
    </r>
    <phoneticPr fontId="3"/>
  </si>
  <si>
    <r>
      <t>　</t>
    </r>
    <r>
      <rPr>
        <sz val="20"/>
        <color indexed="10"/>
        <rFont val="HG創英角ｺﾞｼｯｸUB"/>
        <family val="3"/>
        <charset val="128"/>
      </rPr>
      <t xml:space="preserve"> 〇　</t>
    </r>
    <r>
      <rPr>
        <sz val="18"/>
        <rFont val="ＭＳ ゴシック"/>
        <family val="3"/>
        <charset val="128"/>
      </rPr>
      <t>年　</t>
    </r>
    <r>
      <rPr>
        <sz val="20"/>
        <color rgb="FFFF0000"/>
        <rFont val="HG創英角ﾎﾟｯﾌﾟ体"/>
        <family val="3"/>
        <charset val="128"/>
      </rPr>
      <t>〇</t>
    </r>
    <r>
      <rPr>
        <sz val="18"/>
        <rFont val="ＭＳ ゴシック"/>
        <family val="3"/>
        <charset val="128"/>
      </rPr>
      <t>　月　</t>
    </r>
    <r>
      <rPr>
        <sz val="20"/>
        <color rgb="FFFF0000"/>
        <rFont val="HG創英角ﾎﾟｯﾌﾟ体"/>
        <family val="3"/>
        <charset val="128"/>
      </rPr>
      <t>〇</t>
    </r>
    <r>
      <rPr>
        <sz val="18"/>
        <rFont val="ＭＳ ゴシック"/>
        <family val="3"/>
        <charset val="128"/>
      </rPr>
      <t>　日　</t>
    </r>
    <r>
      <rPr>
        <sz val="18"/>
        <rFont val="HG創英角ｺﾞｼｯｸUB"/>
        <family val="3"/>
        <charset val="128"/>
      </rPr>
      <t xml:space="preserve"> </t>
    </r>
    <rPh sb="4" eb="5">
      <t>トシ</t>
    </rPh>
    <phoneticPr fontId="3"/>
  </si>
  <si>
    <r>
      <rPr>
        <sz val="20"/>
        <color rgb="FFFF0000"/>
        <rFont val="HGS創英角ｺﾞｼｯｸUB"/>
        <family val="3"/>
        <charset val="128"/>
      </rPr>
      <t xml:space="preserve">  〇</t>
    </r>
    <r>
      <rPr>
        <sz val="20"/>
        <rFont val="HGS創英角ｺﾞｼｯｸUB"/>
        <family val="3"/>
        <charset val="128"/>
      </rPr>
      <t>　</t>
    </r>
    <r>
      <rPr>
        <sz val="20"/>
        <rFont val="ＭＳ ゴシック"/>
        <family val="3"/>
        <charset val="128"/>
      </rPr>
      <t>年度</t>
    </r>
    <rPh sb="4" eb="6">
      <t>ネンド</t>
    </rPh>
    <phoneticPr fontId="3"/>
  </si>
  <si>
    <r>
      <t>申請年月日　　　　　</t>
    </r>
    <r>
      <rPr>
        <sz val="20"/>
        <color indexed="10"/>
        <rFont val="HG創英角ｺﾞｼｯｸUB"/>
        <family val="3"/>
        <charset val="128"/>
      </rPr>
      <t xml:space="preserve"> </t>
    </r>
    <r>
      <rPr>
        <sz val="20"/>
        <color indexed="10"/>
        <rFont val="HGP創英角ﾎﾟｯﾌﾟ体"/>
        <family val="3"/>
        <charset val="128"/>
      </rPr>
      <t>〇</t>
    </r>
    <r>
      <rPr>
        <sz val="20"/>
        <color indexed="10"/>
        <rFont val="HG創英角ｺﾞｼｯｸUB"/>
        <family val="3"/>
        <charset val="128"/>
      </rPr>
      <t>　</t>
    </r>
    <r>
      <rPr>
        <sz val="18"/>
        <rFont val="ＭＳ ゴシック"/>
        <family val="3"/>
        <charset val="128"/>
      </rPr>
      <t>年　　</t>
    </r>
    <r>
      <rPr>
        <sz val="20"/>
        <color rgb="FFFF0000"/>
        <rFont val="HG創英角ﾎﾟｯﾌﾟ体"/>
        <family val="3"/>
        <charset val="128"/>
      </rPr>
      <t>〇</t>
    </r>
    <r>
      <rPr>
        <sz val="18"/>
        <rFont val="ＭＳ ゴシック"/>
        <family val="3"/>
        <charset val="128"/>
      </rPr>
      <t>　月　　</t>
    </r>
    <r>
      <rPr>
        <sz val="20"/>
        <color rgb="FFFF0000"/>
        <rFont val="HG創英角ﾎﾟｯﾌﾟ体"/>
        <family val="3"/>
        <charset val="128"/>
      </rPr>
      <t>〇</t>
    </r>
    <r>
      <rPr>
        <sz val="18"/>
        <rFont val="ＭＳ ゴシック"/>
        <family val="3"/>
        <charset val="128"/>
      </rPr>
      <t>　日</t>
    </r>
    <rPh sb="0" eb="2">
      <t>シンセイ</t>
    </rPh>
    <rPh sb="2" eb="5">
      <t>ネンガッピ</t>
    </rPh>
    <rPh sb="13" eb="14">
      <t>ネン</t>
    </rPh>
    <rPh sb="18" eb="19">
      <t>ツキ</t>
    </rPh>
    <rPh sb="23" eb="24">
      <t>ヒ</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2" x14ac:knownFonts="1">
    <font>
      <sz val="11"/>
      <name val="ＭＳ Ｐゴシック"/>
      <family val="3"/>
      <charset val="128"/>
    </font>
    <font>
      <sz val="11"/>
      <name val="ＭＳ Ｐゴシック"/>
      <family val="3"/>
      <charset val="128"/>
    </font>
    <font>
      <sz val="11"/>
      <name val="ＭＳ Ｐゴシック"/>
      <family val="3"/>
      <charset val="128"/>
    </font>
    <font>
      <sz val="6"/>
      <name val="ＭＳ Ｐゴシック"/>
      <family val="3"/>
      <charset val="128"/>
    </font>
    <font>
      <sz val="11"/>
      <name val="ＭＳ ゴシック"/>
      <family val="3"/>
      <charset val="128"/>
    </font>
    <font>
      <sz val="9"/>
      <name val="ＭＳ ゴシック"/>
      <family val="3"/>
      <charset val="128"/>
    </font>
    <font>
      <sz val="8"/>
      <name val="ＭＳ ゴシック"/>
      <family val="3"/>
      <charset val="128"/>
    </font>
    <font>
      <u/>
      <sz val="15"/>
      <name val="ＭＳ ゴシック"/>
      <family val="3"/>
      <charset val="128"/>
    </font>
    <font>
      <b/>
      <u/>
      <sz val="16"/>
      <name val="ＭＳ ゴシック"/>
      <family val="3"/>
      <charset val="128"/>
    </font>
    <font>
      <sz val="16"/>
      <name val="ＭＳ ゴシック"/>
      <family val="3"/>
      <charset val="128"/>
    </font>
    <font>
      <sz val="12"/>
      <name val="ＭＳ ゴシック"/>
      <family val="3"/>
      <charset val="128"/>
    </font>
    <font>
      <u/>
      <sz val="9"/>
      <name val="ＭＳ ゴシック"/>
      <family val="3"/>
      <charset val="128"/>
    </font>
    <font>
      <sz val="12"/>
      <name val="ＭＳ Ｐゴシック"/>
      <family val="3"/>
      <charset val="128"/>
    </font>
    <font>
      <sz val="11"/>
      <name val="ＭＳ Ｐゴシック"/>
      <family val="3"/>
      <charset val="128"/>
    </font>
    <font>
      <sz val="10"/>
      <name val="ＭＳ ゴシック"/>
      <family val="3"/>
      <charset val="128"/>
    </font>
    <font>
      <sz val="14"/>
      <name val="ＭＳ ゴシック"/>
      <family val="3"/>
      <charset val="128"/>
    </font>
    <font>
      <sz val="14"/>
      <name val="ＭＳ Ｐゴシック"/>
      <family val="3"/>
      <charset val="128"/>
    </font>
    <font>
      <sz val="12"/>
      <color indexed="10"/>
      <name val="ＭＳ ゴシック"/>
      <family val="3"/>
      <charset val="128"/>
    </font>
    <font>
      <u/>
      <sz val="20"/>
      <name val="ＭＳ ゴシック"/>
      <family val="3"/>
      <charset val="128"/>
    </font>
    <font>
      <sz val="15"/>
      <name val="ＭＳ Ｐゴシック"/>
      <family val="3"/>
      <charset val="128"/>
    </font>
    <font>
      <sz val="15"/>
      <name val="ＭＳ ゴシック"/>
      <family val="3"/>
      <charset val="128"/>
    </font>
    <font>
      <sz val="15"/>
      <color indexed="10"/>
      <name val="ＭＳ ゴシック"/>
      <family val="3"/>
      <charset val="128"/>
    </font>
    <font>
      <sz val="15"/>
      <color indexed="12"/>
      <name val="ＭＳ ゴシック"/>
      <family val="3"/>
      <charset val="128"/>
    </font>
    <font>
      <b/>
      <sz val="11"/>
      <name val="ＭＳ ゴシック"/>
      <family val="3"/>
      <charset val="128"/>
    </font>
    <font>
      <b/>
      <u/>
      <sz val="20"/>
      <name val="ＭＳ ゴシック"/>
      <family val="3"/>
      <charset val="128"/>
    </font>
    <font>
      <b/>
      <u/>
      <sz val="9"/>
      <name val="ＭＳ ゴシック"/>
      <family val="3"/>
      <charset val="128"/>
    </font>
    <font>
      <b/>
      <sz val="12"/>
      <name val="ＭＳ ゴシック"/>
      <family val="3"/>
      <charset val="128"/>
    </font>
    <font>
      <b/>
      <sz val="14"/>
      <name val="ＭＳ ゴシック"/>
      <family val="3"/>
      <charset val="128"/>
    </font>
    <font>
      <b/>
      <sz val="9"/>
      <name val="ＭＳ ゴシック"/>
      <family val="3"/>
      <charset val="128"/>
    </font>
    <font>
      <b/>
      <sz val="12"/>
      <color indexed="10"/>
      <name val="ＭＳ ゴシック"/>
      <family val="3"/>
      <charset val="128"/>
    </font>
    <font>
      <b/>
      <sz val="18"/>
      <name val="ＭＳ ゴシック"/>
      <family val="3"/>
      <charset val="128"/>
    </font>
    <font>
      <sz val="18"/>
      <name val="ＭＳ ゴシック"/>
      <family val="3"/>
      <charset val="128"/>
    </font>
    <font>
      <b/>
      <u/>
      <sz val="22"/>
      <name val="ＭＳ ゴシック"/>
      <family val="3"/>
      <charset val="128"/>
    </font>
    <font>
      <sz val="18"/>
      <name val="ＭＳ Ｐゴシック"/>
      <family val="3"/>
      <charset val="128"/>
    </font>
    <font>
      <u/>
      <sz val="18"/>
      <name val="ＭＳ ゴシック"/>
      <family val="3"/>
      <charset val="128"/>
    </font>
    <font>
      <sz val="28"/>
      <name val="ＭＳ ゴシック"/>
      <family val="3"/>
      <charset val="128"/>
    </font>
    <font>
      <u/>
      <sz val="24"/>
      <name val="ＭＳ ゴシック"/>
      <family val="3"/>
      <charset val="128"/>
    </font>
    <font>
      <sz val="24"/>
      <name val="ＭＳ ゴシック"/>
      <family val="3"/>
      <charset val="128"/>
    </font>
    <font>
      <sz val="22"/>
      <color indexed="10"/>
      <name val="HG創英角ｺﾞｼｯｸUB"/>
      <family val="3"/>
      <charset val="128"/>
    </font>
    <font>
      <sz val="26"/>
      <color indexed="10"/>
      <name val="HG創英角ｺﾞｼｯｸUB"/>
      <family val="3"/>
      <charset val="128"/>
    </font>
    <font>
      <sz val="20"/>
      <color indexed="10"/>
      <name val="HG創英角ｺﾞｼｯｸUB"/>
      <family val="3"/>
      <charset val="128"/>
    </font>
    <font>
      <sz val="22"/>
      <name val="HG創英角ｺﾞｼｯｸUB"/>
      <family val="3"/>
      <charset val="128"/>
    </font>
    <font>
      <sz val="24"/>
      <color indexed="10"/>
      <name val="HG創英角ｺﾞｼｯｸUB"/>
      <family val="3"/>
      <charset val="128"/>
    </font>
    <font>
      <sz val="18"/>
      <color indexed="10"/>
      <name val="HG創英角ｺﾞｼｯｸUB"/>
      <family val="3"/>
      <charset val="128"/>
    </font>
    <font>
      <sz val="16"/>
      <color indexed="10"/>
      <name val="HG創英角ｺﾞｼｯｸUB"/>
      <family val="3"/>
      <charset val="128"/>
    </font>
    <font>
      <sz val="20"/>
      <color rgb="FFFF0000"/>
      <name val="HG創英角ｺﾞｼｯｸUB"/>
      <family val="3"/>
      <charset val="128"/>
    </font>
    <font>
      <sz val="20"/>
      <name val="ＭＳ ゴシック"/>
      <family val="3"/>
      <charset val="128"/>
    </font>
    <font>
      <sz val="22"/>
      <name val="ＭＳ ゴシック"/>
      <family val="3"/>
      <charset val="128"/>
    </font>
    <font>
      <sz val="26"/>
      <name val="ＭＳ ゴシック"/>
      <family val="3"/>
      <charset val="128"/>
    </font>
    <font>
      <sz val="16"/>
      <name val="ＭＳ 明朝"/>
      <family val="1"/>
      <charset val="128"/>
    </font>
    <font>
      <sz val="20"/>
      <name val="ＭＳ 明朝"/>
      <family val="1"/>
      <charset val="128"/>
    </font>
    <font>
      <sz val="18"/>
      <name val="HG創英角ｺﾞｼｯｸUB"/>
      <family val="3"/>
      <charset val="128"/>
    </font>
    <font>
      <sz val="20"/>
      <name val="HG創英角ｺﾞｼｯｸUB"/>
      <family val="3"/>
      <charset val="128"/>
    </font>
    <font>
      <sz val="20"/>
      <color rgb="FFFF0000"/>
      <name val="HGS創英角ｺﾞｼｯｸUB"/>
      <family val="3"/>
      <charset val="128"/>
    </font>
    <font>
      <sz val="20"/>
      <name val="HGS創英角ｺﾞｼｯｸUB"/>
      <family val="3"/>
      <charset val="128"/>
    </font>
    <font>
      <sz val="20"/>
      <color indexed="10"/>
      <name val="HGP創英角ﾎﾟｯﾌﾟ体"/>
      <family val="3"/>
      <charset val="128"/>
    </font>
    <font>
      <sz val="18"/>
      <name val="HGP創英角ﾎﾟｯﾌﾟ体"/>
      <family val="3"/>
      <charset val="128"/>
    </font>
    <font>
      <sz val="20"/>
      <color rgb="FFFF0000"/>
      <name val="HGP創英角ﾎﾟｯﾌﾟ体"/>
      <family val="3"/>
      <charset val="128"/>
    </font>
    <font>
      <sz val="20"/>
      <color rgb="FFFF0000"/>
      <name val="HG創英角ﾎﾟｯﾌﾟ体"/>
      <family val="3"/>
      <charset val="128"/>
    </font>
    <font>
      <sz val="18"/>
      <name val="ＭＳ Ｐゴシック"/>
      <family val="3"/>
      <charset val="128"/>
      <scheme val="minor"/>
    </font>
    <font>
      <sz val="18"/>
      <color rgb="FFFF0000"/>
      <name val="HG創英角ｺﾞｼｯｸUB"/>
      <family val="3"/>
      <charset val="128"/>
    </font>
    <font>
      <sz val="16"/>
      <color rgb="FFFF0000"/>
      <name val="HG創英角ﾎﾟｯﾌﾟ体"/>
      <family val="3"/>
      <charset val="128"/>
    </font>
  </fonts>
  <fills count="5">
    <fill>
      <patternFill patternType="none"/>
    </fill>
    <fill>
      <patternFill patternType="gray125"/>
    </fill>
    <fill>
      <patternFill patternType="solid">
        <fgColor indexed="9"/>
        <bgColor indexed="64"/>
      </patternFill>
    </fill>
    <fill>
      <patternFill patternType="solid">
        <fgColor indexed="65"/>
        <bgColor indexed="64"/>
      </patternFill>
    </fill>
    <fill>
      <patternFill patternType="solid">
        <fgColor indexed="43"/>
        <bgColor indexed="64"/>
      </patternFill>
    </fill>
  </fills>
  <borders count="166">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bottom/>
      <diagonal/>
    </border>
    <border>
      <left style="thin">
        <color indexed="64"/>
      </left>
      <right/>
      <top/>
      <bottom/>
      <diagonal/>
    </border>
    <border>
      <left style="thick">
        <color indexed="64"/>
      </left>
      <right/>
      <top/>
      <bottom/>
      <diagonal/>
    </border>
    <border>
      <left/>
      <right style="thick">
        <color indexed="64"/>
      </right>
      <top/>
      <bottom/>
      <diagonal/>
    </border>
    <border>
      <left style="thick">
        <color indexed="64"/>
      </left>
      <right/>
      <top/>
      <bottom style="thick">
        <color indexed="64"/>
      </bottom>
      <diagonal/>
    </border>
    <border>
      <left/>
      <right/>
      <top/>
      <bottom style="thick">
        <color indexed="64"/>
      </bottom>
      <diagonal/>
    </border>
    <border>
      <left/>
      <right/>
      <top style="thick">
        <color indexed="64"/>
      </top>
      <bottom style="thick">
        <color indexed="64"/>
      </bottom>
      <diagonal/>
    </border>
    <border>
      <left style="thin">
        <color indexed="64"/>
      </left>
      <right/>
      <top/>
      <bottom style="thick">
        <color indexed="64"/>
      </bottom>
      <diagonal/>
    </border>
    <border>
      <left/>
      <right style="thin">
        <color indexed="64"/>
      </right>
      <top/>
      <bottom style="thick">
        <color indexed="64"/>
      </bottom>
      <diagonal/>
    </border>
    <border>
      <left style="thick">
        <color indexed="64"/>
      </left>
      <right style="thin">
        <color indexed="64"/>
      </right>
      <top style="medium">
        <color indexed="64"/>
      </top>
      <bottom style="thick">
        <color indexed="64"/>
      </bottom>
      <diagonal/>
    </border>
    <border>
      <left style="thick">
        <color indexed="64"/>
      </left>
      <right/>
      <top style="thin">
        <color indexed="64"/>
      </top>
      <bottom style="medium">
        <color indexed="64"/>
      </bottom>
      <diagonal/>
    </border>
    <border>
      <left style="thick">
        <color indexed="64"/>
      </left>
      <right/>
      <top style="thick">
        <color indexed="64"/>
      </top>
      <bottom/>
      <diagonal/>
    </border>
    <border>
      <left/>
      <right/>
      <top style="thick">
        <color indexed="64"/>
      </top>
      <bottom/>
      <diagonal/>
    </border>
    <border>
      <left/>
      <right style="thick">
        <color indexed="64"/>
      </right>
      <top style="thick">
        <color indexed="64"/>
      </top>
      <bottom/>
      <diagonal/>
    </border>
    <border>
      <left/>
      <right style="thick">
        <color indexed="64"/>
      </right>
      <top/>
      <bottom style="thick">
        <color indexed="64"/>
      </bottom>
      <diagonal/>
    </border>
    <border>
      <left/>
      <right style="thin">
        <color indexed="64"/>
      </right>
      <top style="medium">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ck">
        <color indexed="64"/>
      </bottom>
      <diagonal/>
    </border>
    <border>
      <left/>
      <right/>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ck">
        <color indexed="64"/>
      </left>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right style="thick">
        <color indexed="64"/>
      </right>
      <top style="medium">
        <color indexed="64"/>
      </top>
      <bottom/>
      <diagonal/>
    </border>
    <border>
      <left style="thin">
        <color indexed="64"/>
      </left>
      <right/>
      <top style="thin">
        <color indexed="64"/>
      </top>
      <bottom style="thick">
        <color indexed="64"/>
      </bottom>
      <diagonal/>
    </border>
    <border>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hair">
        <color indexed="64"/>
      </right>
      <top/>
      <bottom/>
      <diagonal/>
    </border>
    <border>
      <left style="hair">
        <color indexed="64"/>
      </left>
      <right style="hair">
        <color indexed="64"/>
      </right>
      <top/>
      <bottom/>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thin">
        <color indexed="64"/>
      </left>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thick">
        <color indexed="64"/>
      </right>
      <top/>
      <bottom style="thin">
        <color indexed="64"/>
      </bottom>
      <diagonal/>
    </border>
    <border>
      <left style="hair">
        <color indexed="64"/>
      </left>
      <right style="thin">
        <color indexed="64"/>
      </right>
      <top style="thin">
        <color indexed="64"/>
      </top>
      <bottom/>
      <diagonal/>
    </border>
    <border>
      <left style="hair">
        <color indexed="64"/>
      </left>
      <right style="thin">
        <color indexed="64"/>
      </right>
      <top/>
      <bottom/>
      <diagonal/>
    </border>
    <border>
      <left style="hair">
        <color indexed="64"/>
      </left>
      <right style="thin">
        <color indexed="64"/>
      </right>
      <top/>
      <bottom style="medium">
        <color indexed="64"/>
      </bottom>
      <diagonal/>
    </border>
    <border>
      <left/>
      <right style="thin">
        <color indexed="64"/>
      </right>
      <top/>
      <bottom style="medium">
        <color indexed="64"/>
      </bottom>
      <diagonal/>
    </border>
    <border>
      <left/>
      <right style="thick">
        <color indexed="64"/>
      </right>
      <top style="thin">
        <color indexed="64"/>
      </top>
      <bottom style="medium">
        <color indexed="64"/>
      </bottom>
      <diagonal/>
    </border>
    <border>
      <left style="hair">
        <color indexed="64"/>
      </left>
      <right/>
      <top style="thin">
        <color indexed="64"/>
      </top>
      <bottom/>
      <diagonal/>
    </border>
    <border>
      <left/>
      <right style="hair">
        <color indexed="64"/>
      </right>
      <top style="thin">
        <color indexed="64"/>
      </top>
      <bottom/>
      <diagonal/>
    </border>
    <border>
      <left style="hair">
        <color indexed="64"/>
      </left>
      <right/>
      <top/>
      <bottom/>
      <diagonal/>
    </border>
    <border>
      <left/>
      <right style="hair">
        <color indexed="64"/>
      </right>
      <top/>
      <bottom/>
      <diagonal/>
    </border>
    <border>
      <left style="hair">
        <color indexed="64"/>
      </left>
      <right/>
      <top/>
      <bottom style="medium">
        <color indexed="64"/>
      </bottom>
      <diagonal/>
    </border>
    <border>
      <left/>
      <right style="hair">
        <color indexed="64"/>
      </right>
      <top/>
      <bottom style="medium">
        <color indexed="64"/>
      </bottom>
      <diagonal/>
    </border>
    <border>
      <left style="thick">
        <color indexed="64"/>
      </left>
      <right style="thin">
        <color indexed="64"/>
      </right>
      <top style="thin">
        <color indexed="64"/>
      </top>
      <bottom/>
      <diagonal/>
    </border>
    <border>
      <left style="thick">
        <color indexed="64"/>
      </left>
      <right style="thin">
        <color indexed="64"/>
      </right>
      <top/>
      <bottom style="medium">
        <color indexed="64"/>
      </bottom>
      <diagonal/>
    </border>
    <border>
      <left style="thick">
        <color indexed="64"/>
      </left>
      <right/>
      <top/>
      <bottom style="thin">
        <color indexed="64"/>
      </bottom>
      <diagonal/>
    </border>
    <border>
      <left style="thick">
        <color indexed="64"/>
      </left>
      <right/>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thick">
        <color indexed="64"/>
      </left>
      <right/>
      <top style="thin">
        <color indexed="64"/>
      </top>
      <bottom style="thin">
        <color indexed="64"/>
      </bottom>
      <diagonal/>
    </border>
    <border>
      <left style="thick">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ck">
        <color indexed="64"/>
      </right>
      <top style="medium">
        <color indexed="64"/>
      </top>
      <bottom style="thin">
        <color indexed="64"/>
      </bottom>
      <diagonal/>
    </border>
    <border>
      <left style="thick">
        <color indexed="64"/>
      </left>
      <right style="thin">
        <color indexed="64"/>
      </right>
      <top style="thin">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ck">
        <color indexed="64"/>
      </top>
      <bottom/>
      <diagonal/>
    </border>
    <border>
      <left/>
      <right style="thin">
        <color indexed="64"/>
      </right>
      <top style="thick">
        <color indexed="64"/>
      </top>
      <bottom/>
      <diagonal/>
    </border>
    <border>
      <left style="thin">
        <color indexed="64"/>
      </left>
      <right/>
      <top style="thick">
        <color indexed="64"/>
      </top>
      <bottom/>
      <diagonal/>
    </border>
    <border>
      <left/>
      <right style="medium">
        <color indexed="64"/>
      </right>
      <top style="thick">
        <color indexed="64"/>
      </top>
      <bottom/>
      <diagonal/>
    </border>
    <border>
      <left style="thick">
        <color indexed="64"/>
      </left>
      <right/>
      <top style="thick">
        <color indexed="64"/>
      </top>
      <bottom style="thin">
        <color indexed="64"/>
      </bottom>
      <diagonal/>
    </border>
    <border>
      <left/>
      <right/>
      <top style="thick">
        <color indexed="64"/>
      </top>
      <bottom style="thin">
        <color indexed="64"/>
      </bottom>
      <diagonal/>
    </border>
    <border>
      <left style="thin">
        <color indexed="64"/>
      </left>
      <right/>
      <top style="thick">
        <color indexed="64"/>
      </top>
      <bottom style="thin">
        <color indexed="64"/>
      </bottom>
      <diagonal/>
    </border>
    <border>
      <left/>
      <right style="medium">
        <color indexed="64"/>
      </right>
      <top style="thick">
        <color indexed="64"/>
      </top>
      <bottom style="thin">
        <color indexed="64"/>
      </bottom>
      <diagonal/>
    </border>
    <border>
      <left/>
      <right style="thick">
        <color indexed="64"/>
      </right>
      <top style="thin">
        <color indexed="64"/>
      </top>
      <bottom/>
      <diagonal/>
    </border>
    <border>
      <left/>
      <right style="thick">
        <color indexed="64"/>
      </right>
      <top/>
      <bottom style="medium">
        <color indexed="64"/>
      </bottom>
      <diagonal/>
    </border>
    <border>
      <left style="thin">
        <color indexed="64"/>
      </left>
      <right style="thin">
        <color indexed="64"/>
      </right>
      <top style="thick">
        <color indexed="64"/>
      </top>
      <bottom/>
      <diagonal/>
    </border>
    <border>
      <left style="thin">
        <color indexed="64"/>
      </left>
      <right style="thin">
        <color indexed="64"/>
      </right>
      <top/>
      <bottom style="medium">
        <color indexed="64"/>
      </bottom>
      <diagonal/>
    </border>
    <border>
      <left style="thin">
        <color indexed="64"/>
      </left>
      <right style="medium">
        <color indexed="64"/>
      </right>
      <top style="thick">
        <color indexed="64"/>
      </top>
      <bottom/>
      <diagonal/>
    </border>
    <border>
      <left style="thin">
        <color indexed="64"/>
      </left>
      <right style="medium">
        <color indexed="64"/>
      </right>
      <top/>
      <bottom style="medium">
        <color indexed="64"/>
      </bottom>
      <diagonal/>
    </border>
    <border>
      <left style="thin">
        <color indexed="64"/>
      </left>
      <right style="thin">
        <color indexed="64"/>
      </right>
      <top/>
      <bottom style="thick">
        <color indexed="64"/>
      </bottom>
      <diagonal/>
    </border>
    <border>
      <left style="medium">
        <color indexed="64"/>
      </left>
      <right style="thin">
        <color indexed="64"/>
      </right>
      <top style="thick">
        <color indexed="64"/>
      </top>
      <bottom/>
      <diagonal/>
    </border>
    <border>
      <left style="medium">
        <color indexed="64"/>
      </left>
      <right style="thin">
        <color indexed="64"/>
      </right>
      <top/>
      <bottom style="thick">
        <color indexed="64"/>
      </bottom>
      <diagonal/>
    </border>
    <border>
      <left style="dashed">
        <color indexed="64"/>
      </left>
      <right style="dashed">
        <color indexed="64"/>
      </right>
      <top style="thin">
        <color indexed="64"/>
      </top>
      <bottom/>
      <diagonal/>
    </border>
    <border>
      <left style="dashed">
        <color indexed="64"/>
      </left>
      <right style="dashed">
        <color indexed="64"/>
      </right>
      <top/>
      <bottom/>
      <diagonal/>
    </border>
    <border>
      <left style="dashed">
        <color indexed="64"/>
      </left>
      <right style="dashed">
        <color indexed="64"/>
      </right>
      <top/>
      <bottom style="thin">
        <color indexed="64"/>
      </bottom>
      <diagonal/>
    </border>
    <border>
      <left/>
      <right style="medium">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dashed">
        <color indexed="64"/>
      </left>
      <right/>
      <top/>
      <bottom/>
      <diagonal/>
    </border>
    <border>
      <left/>
      <right style="dashed">
        <color indexed="64"/>
      </right>
      <top/>
      <bottom/>
      <diagonal/>
    </border>
    <border>
      <left style="dashed">
        <color indexed="64"/>
      </left>
      <right/>
      <top/>
      <bottom style="thin">
        <color indexed="64"/>
      </bottom>
      <diagonal/>
    </border>
    <border>
      <left/>
      <right style="dashed">
        <color indexed="64"/>
      </right>
      <top/>
      <bottom style="thin">
        <color indexed="64"/>
      </bottom>
      <diagonal/>
    </border>
    <border>
      <left style="medium">
        <color indexed="64"/>
      </left>
      <right/>
      <top/>
      <bottom style="thin">
        <color indexed="64"/>
      </bottom>
      <diagonal/>
    </border>
    <border>
      <left style="thin">
        <color indexed="64"/>
      </left>
      <right style="thin">
        <color indexed="64"/>
      </right>
      <top/>
      <bottom/>
      <diagonal/>
    </border>
    <border>
      <left style="thick">
        <color indexed="64"/>
      </left>
      <right style="thick">
        <color indexed="64"/>
      </right>
      <top style="thick">
        <color indexed="64"/>
      </top>
      <bottom/>
      <diagonal/>
    </border>
    <border>
      <left style="thick">
        <color indexed="64"/>
      </left>
      <right style="thick">
        <color indexed="64"/>
      </right>
      <top/>
      <bottom/>
      <diagonal/>
    </border>
    <border>
      <left style="thick">
        <color indexed="64"/>
      </left>
      <right style="thick">
        <color indexed="64"/>
      </right>
      <top/>
      <bottom style="thick">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ck">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hair">
        <color indexed="64"/>
      </left>
      <right style="hair">
        <color indexed="64"/>
      </right>
      <top style="thin">
        <color indexed="64"/>
      </top>
      <bottom style="thick">
        <color indexed="64"/>
      </bottom>
      <diagonal/>
    </border>
    <border>
      <left style="medium">
        <color indexed="64"/>
      </left>
      <right/>
      <top/>
      <bottom style="thick">
        <color indexed="64"/>
      </bottom>
      <diagonal/>
    </border>
    <border>
      <left style="thin">
        <color indexed="64"/>
      </left>
      <right style="hair">
        <color indexed="64"/>
      </right>
      <top style="thin">
        <color indexed="64"/>
      </top>
      <bottom style="thick">
        <color indexed="64"/>
      </bottom>
      <diagonal/>
    </border>
    <border>
      <left style="hair">
        <color indexed="64"/>
      </left>
      <right/>
      <top style="thin">
        <color indexed="64"/>
      </top>
      <bottom style="thick">
        <color indexed="64"/>
      </bottom>
      <diagonal/>
    </border>
    <border>
      <left/>
      <right style="hair">
        <color indexed="64"/>
      </right>
      <top style="thin">
        <color indexed="64"/>
      </top>
      <bottom style="thick">
        <color indexed="64"/>
      </bottom>
      <diagonal/>
    </border>
    <border>
      <left style="thick">
        <color indexed="64"/>
      </left>
      <right/>
      <top style="thin">
        <color indexed="64"/>
      </top>
      <bottom style="thick">
        <color indexed="64"/>
      </bottom>
      <diagonal/>
    </border>
    <border>
      <left style="hair">
        <color indexed="64"/>
      </left>
      <right style="thin">
        <color indexed="64"/>
      </right>
      <top style="thin">
        <color indexed="64"/>
      </top>
      <bottom style="thick">
        <color indexed="64"/>
      </bottom>
      <diagonal/>
    </border>
    <border>
      <left style="thick">
        <color indexed="64"/>
      </left>
      <right/>
      <top style="thick">
        <color indexed="64"/>
      </top>
      <bottom style="thick">
        <color indexed="64"/>
      </bottom>
      <diagonal/>
    </border>
    <border>
      <left style="thick">
        <color indexed="64"/>
      </left>
      <right style="thin">
        <color indexed="64"/>
      </right>
      <top style="thick">
        <color indexed="64"/>
      </top>
      <bottom style="thick">
        <color indexed="64"/>
      </bottom>
      <diagonal/>
    </border>
    <border>
      <left style="thin">
        <color indexed="64"/>
      </left>
      <right style="thin">
        <color indexed="64"/>
      </right>
      <top style="thick">
        <color indexed="64"/>
      </top>
      <bottom style="thick">
        <color indexed="64"/>
      </bottom>
      <diagonal/>
    </border>
    <border>
      <left style="thin">
        <color indexed="64"/>
      </left>
      <right/>
      <top style="thick">
        <color indexed="64"/>
      </top>
      <bottom style="thick">
        <color indexed="64"/>
      </bottom>
      <diagonal/>
    </border>
    <border>
      <left style="medium">
        <color indexed="64"/>
      </left>
      <right style="thin">
        <color indexed="64"/>
      </right>
      <top style="thick">
        <color indexed="64"/>
      </top>
      <bottom style="thick">
        <color indexed="64"/>
      </bottom>
      <diagonal/>
    </border>
    <border>
      <left/>
      <right style="thick">
        <color indexed="64"/>
      </right>
      <top style="thick">
        <color indexed="64"/>
      </top>
      <bottom style="thick">
        <color indexed="64"/>
      </bottom>
      <diagonal/>
    </border>
    <border>
      <left style="thin">
        <color indexed="64"/>
      </left>
      <right style="thin">
        <color indexed="64"/>
      </right>
      <top style="thin">
        <color indexed="64"/>
      </top>
      <bottom style="medium">
        <color indexed="64"/>
      </bottom>
      <diagonal/>
    </border>
    <border>
      <left style="thin">
        <color indexed="64"/>
      </left>
      <right style="thick">
        <color indexed="64"/>
      </right>
      <top style="thin">
        <color indexed="64"/>
      </top>
      <bottom style="medium">
        <color indexed="64"/>
      </bottom>
      <diagonal/>
    </border>
    <border>
      <left style="thick">
        <color indexed="64"/>
      </left>
      <right style="thick">
        <color indexed="64"/>
      </right>
      <top style="thick">
        <color indexed="64"/>
      </top>
      <bottom style="thick">
        <color indexed="64"/>
      </bottom>
      <diagonal/>
    </border>
    <border>
      <left style="medium">
        <color indexed="64"/>
      </left>
      <right/>
      <top style="medium">
        <color indexed="64"/>
      </top>
      <bottom style="medium">
        <color indexed="64"/>
      </bottom>
      <diagonal/>
    </border>
    <border>
      <left/>
      <right style="thick">
        <color indexed="64"/>
      </right>
      <top style="medium">
        <color indexed="64"/>
      </top>
      <bottom style="medium">
        <color indexed="64"/>
      </bottom>
      <diagonal/>
    </border>
    <border>
      <left/>
      <right style="thin">
        <color indexed="64"/>
      </right>
      <top style="thick">
        <color indexed="64"/>
      </top>
      <bottom style="thin">
        <color indexed="64"/>
      </bottom>
      <diagonal/>
    </border>
    <border>
      <left style="thick">
        <color indexed="64"/>
      </left>
      <right/>
      <top style="medium">
        <color indexed="64"/>
      </top>
      <bottom style="thick">
        <color indexed="64"/>
      </bottom>
      <diagonal/>
    </border>
    <border>
      <left/>
      <right/>
      <top style="medium">
        <color indexed="64"/>
      </top>
      <bottom style="thick">
        <color indexed="64"/>
      </bottom>
      <diagonal/>
    </border>
    <border>
      <left style="thin">
        <color indexed="64"/>
      </left>
      <right/>
      <top style="medium">
        <color indexed="64"/>
      </top>
      <bottom style="thick">
        <color indexed="64"/>
      </bottom>
      <diagonal/>
    </border>
    <border>
      <left/>
      <right style="medium">
        <color indexed="64"/>
      </right>
      <top style="medium">
        <color indexed="64"/>
      </top>
      <bottom style="thick">
        <color indexed="64"/>
      </bottom>
      <diagonal/>
    </border>
    <border>
      <left style="thin">
        <color indexed="64"/>
      </left>
      <right style="thick">
        <color indexed="64"/>
      </right>
      <top style="thin">
        <color indexed="64"/>
      </top>
      <bottom style="thick">
        <color indexed="64"/>
      </bottom>
      <diagonal/>
    </border>
    <border>
      <left style="thick">
        <color indexed="64"/>
      </left>
      <right/>
      <top style="medium">
        <color indexed="64"/>
      </top>
      <bottom style="thin">
        <color indexed="64"/>
      </bottom>
      <diagonal/>
    </border>
    <border>
      <left/>
      <right style="thick">
        <color indexed="64"/>
      </right>
      <top style="medium">
        <color indexed="64"/>
      </top>
      <bottom style="thick">
        <color indexed="64"/>
      </bottom>
      <diagonal/>
    </border>
    <border>
      <left style="medium">
        <color indexed="64"/>
      </left>
      <right/>
      <top style="thin">
        <color indexed="64"/>
      </top>
      <bottom style="medium">
        <color indexed="64"/>
      </bottom>
      <diagonal/>
    </border>
    <border>
      <left style="thin">
        <color indexed="64"/>
      </left>
      <right style="thick">
        <color indexed="64"/>
      </right>
      <top/>
      <bottom/>
      <diagonal/>
    </border>
    <border>
      <left style="thick">
        <color indexed="64"/>
      </left>
      <right/>
      <top style="thin">
        <color indexed="64"/>
      </top>
      <bottom/>
      <diagonal/>
    </border>
    <border>
      <left style="thin">
        <color indexed="64"/>
      </left>
      <right style="thick">
        <color indexed="64"/>
      </right>
      <top style="thick">
        <color indexed="64"/>
      </top>
      <bottom/>
      <diagonal/>
    </border>
    <border>
      <left style="thin">
        <color indexed="64"/>
      </left>
      <right style="thick">
        <color indexed="64"/>
      </right>
      <top/>
      <bottom style="medium">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style="medium">
        <color indexed="64"/>
      </right>
      <top style="thick">
        <color indexed="64"/>
      </top>
      <bottom style="thick">
        <color indexed="64"/>
      </bottom>
      <diagonal/>
    </border>
    <border>
      <left/>
      <right style="medium">
        <color indexed="64"/>
      </right>
      <top/>
      <bottom style="thick">
        <color indexed="64"/>
      </bottom>
      <diagonal/>
    </border>
  </borders>
  <cellStyleXfs count="4">
    <xf numFmtId="0" fontId="0" fillId="0" borderId="0"/>
    <xf numFmtId="0" fontId="2" fillId="0" borderId="0">
      <alignment vertical="center"/>
    </xf>
    <xf numFmtId="0" fontId="1" fillId="0" borderId="0">
      <alignment vertical="center"/>
    </xf>
    <xf numFmtId="0" fontId="2" fillId="0" borderId="0"/>
  </cellStyleXfs>
  <cellXfs count="1271">
    <xf numFmtId="0" fontId="0" fillId="0" borderId="0" xfId="0"/>
    <xf numFmtId="0" fontId="4" fillId="0" borderId="0" xfId="0" applyFont="1" applyBorder="1"/>
    <xf numFmtId="0" fontId="5" fillId="0" borderId="0" xfId="0" applyFont="1" applyBorder="1"/>
    <xf numFmtId="0" fontId="5" fillId="0" borderId="0" xfId="0" applyNumberFormat="1" applyFont="1" applyBorder="1" applyAlignment="1"/>
    <xf numFmtId="0" fontId="5" fillId="0" borderId="0" xfId="0" applyNumberFormat="1" applyFont="1" applyBorder="1"/>
    <xf numFmtId="0" fontId="5" fillId="0" borderId="0" xfId="3" applyFont="1" applyBorder="1" applyAlignment="1"/>
    <xf numFmtId="0" fontId="5" fillId="0" borderId="0" xfId="3" applyFont="1" applyBorder="1" applyAlignment="1">
      <alignment horizontal="center" vertical="center"/>
    </xf>
    <xf numFmtId="0" fontId="4" fillId="0" borderId="0" xfId="3" applyFont="1" applyBorder="1"/>
    <xf numFmtId="0" fontId="5" fillId="0" borderId="0" xfId="3" applyFont="1" applyBorder="1"/>
    <xf numFmtId="0" fontId="5" fillId="0" borderId="0" xfId="3" applyFont="1" applyBorder="1" applyAlignment="1">
      <alignment vertical="center"/>
    </xf>
    <xf numFmtId="0" fontId="5" fillId="0" borderId="0" xfId="3" applyFont="1" applyBorder="1" applyAlignment="1">
      <alignment horizontal="left" vertical="center"/>
    </xf>
    <xf numFmtId="0" fontId="4" fillId="0" borderId="0" xfId="3" applyFont="1" applyBorder="1" applyAlignment="1"/>
    <xf numFmtId="0" fontId="6" fillId="0" borderId="0" xfId="3" applyFont="1" applyBorder="1" applyAlignment="1"/>
    <xf numFmtId="0" fontId="4" fillId="0" borderId="0" xfId="3" applyFont="1" applyBorder="1" applyAlignment="1">
      <alignment horizontal="center" vertical="center"/>
    </xf>
    <xf numFmtId="0" fontId="8" fillId="0" borderId="0" xfId="3" applyFont="1" applyBorder="1" applyAlignment="1">
      <alignment horizontal="center" vertical="center"/>
    </xf>
    <xf numFmtId="0" fontId="4" fillId="0" borderId="0" xfId="3" applyFont="1" applyBorder="1" applyAlignment="1">
      <alignment vertical="center"/>
    </xf>
    <xf numFmtId="0" fontId="4" fillId="0" borderId="0" xfId="3" applyFont="1" applyBorder="1" applyAlignment="1">
      <alignment horizontal="right" vertical="center"/>
    </xf>
    <xf numFmtId="0" fontId="4" fillId="0" borderId="0" xfId="3" applyFont="1"/>
    <xf numFmtId="0" fontId="10" fillId="0" borderId="0" xfId="3" applyFont="1" applyBorder="1" applyAlignment="1">
      <alignment vertical="center"/>
    </xf>
    <xf numFmtId="0" fontId="5" fillId="0" borderId="1" xfId="3" applyFont="1" applyBorder="1" applyAlignment="1">
      <alignment horizontal="center" vertical="center"/>
    </xf>
    <xf numFmtId="0" fontId="5" fillId="0" borderId="2" xfId="3" applyFont="1" applyBorder="1" applyAlignment="1">
      <alignment horizontal="center" vertical="center"/>
    </xf>
    <xf numFmtId="0" fontId="5" fillId="0" borderId="3" xfId="3" applyFont="1" applyBorder="1" applyAlignment="1">
      <alignment horizontal="center" vertical="center"/>
    </xf>
    <xf numFmtId="0" fontId="5" fillId="0" borderId="1" xfId="3" applyFont="1" applyBorder="1" applyAlignment="1">
      <alignment vertical="center"/>
    </xf>
    <xf numFmtId="0" fontId="5" fillId="0" borderId="3" xfId="3" applyFont="1" applyBorder="1" applyAlignment="1"/>
    <xf numFmtId="0" fontId="5" fillId="0" borderId="4" xfId="3" applyFont="1" applyBorder="1" applyAlignment="1">
      <alignment horizontal="center" vertical="center"/>
    </xf>
    <xf numFmtId="0" fontId="5" fillId="0" borderId="5" xfId="3" applyFont="1" applyBorder="1" applyAlignment="1">
      <alignment horizontal="center" vertical="center"/>
    </xf>
    <xf numFmtId="0" fontId="5" fillId="0" borderId="6" xfId="3" applyFont="1" applyBorder="1" applyAlignment="1">
      <alignment horizontal="center" vertical="center"/>
    </xf>
    <xf numFmtId="0" fontId="4" fillId="0" borderId="2" xfId="3" applyFont="1" applyBorder="1"/>
    <xf numFmtId="0" fontId="5" fillId="0" borderId="3" xfId="3" applyFont="1" applyBorder="1" applyAlignment="1">
      <alignment vertical="center"/>
    </xf>
    <xf numFmtId="0" fontId="5" fillId="0" borderId="6" xfId="3" applyFont="1" applyBorder="1" applyAlignment="1">
      <alignment vertical="center"/>
    </xf>
    <xf numFmtId="0" fontId="4" fillId="0" borderId="2" xfId="3" applyFont="1" applyBorder="1" applyAlignment="1">
      <alignment vertical="center"/>
    </xf>
    <xf numFmtId="0" fontId="4" fillId="0" borderId="3" xfId="3" applyFont="1" applyBorder="1" applyAlignment="1">
      <alignment vertical="center"/>
    </xf>
    <xf numFmtId="0" fontId="4" fillId="0" borderId="5" xfId="3" applyFont="1" applyBorder="1" applyAlignment="1">
      <alignment vertical="center"/>
    </xf>
    <xf numFmtId="0" fontId="4" fillId="0" borderId="6" xfId="3" applyFont="1" applyBorder="1" applyAlignment="1">
      <alignment vertical="center"/>
    </xf>
    <xf numFmtId="0" fontId="5" fillId="0" borderId="7" xfId="3" applyFont="1" applyBorder="1" applyAlignment="1"/>
    <xf numFmtId="0" fontId="4" fillId="0" borderId="0" xfId="3" applyFont="1" applyAlignment="1">
      <alignment horizontal="center" vertical="center"/>
    </xf>
    <xf numFmtId="0" fontId="5" fillId="0" borderId="2" xfId="3" applyFont="1" applyBorder="1" applyAlignment="1">
      <alignment vertical="center"/>
    </xf>
    <xf numFmtId="0" fontId="6" fillId="0" borderId="0" xfId="3" applyFont="1" applyBorder="1" applyAlignment="1">
      <alignment horizontal="center" vertical="center"/>
    </xf>
    <xf numFmtId="0" fontId="5" fillId="0" borderId="8" xfId="3" applyFont="1" applyBorder="1" applyAlignment="1">
      <alignment horizontal="left" vertical="center"/>
    </xf>
    <xf numFmtId="0" fontId="5" fillId="0" borderId="8" xfId="3" applyFont="1" applyBorder="1" applyAlignment="1">
      <alignment vertical="center"/>
    </xf>
    <xf numFmtId="0" fontId="6" fillId="0" borderId="2" xfId="3" applyFont="1" applyBorder="1" applyAlignment="1">
      <alignment horizontal="center" vertical="center"/>
    </xf>
    <xf numFmtId="0" fontId="6" fillId="0" borderId="3" xfId="3" applyFont="1" applyBorder="1" applyAlignment="1">
      <alignment horizontal="center" vertical="center"/>
    </xf>
    <xf numFmtId="0" fontId="6" fillId="0" borderId="7" xfId="3" applyFont="1" applyBorder="1" applyAlignment="1">
      <alignment horizontal="center" vertical="center"/>
    </xf>
    <xf numFmtId="0" fontId="6" fillId="0" borderId="5" xfId="3" applyFont="1" applyBorder="1" applyAlignment="1">
      <alignment horizontal="center" vertical="center"/>
    </xf>
    <xf numFmtId="0" fontId="4" fillId="0" borderId="6" xfId="3" applyFont="1" applyBorder="1" applyAlignment="1">
      <alignment horizontal="center" vertical="center"/>
    </xf>
    <xf numFmtId="0" fontId="5" fillId="0" borderId="0" xfId="3" applyFont="1" applyBorder="1" applyAlignment="1">
      <alignment vertical="center" wrapText="1"/>
    </xf>
    <xf numFmtId="0" fontId="5" fillId="0" borderId="0" xfId="0" applyFont="1" applyAlignment="1">
      <alignment vertical="center"/>
    </xf>
    <xf numFmtId="0" fontId="5" fillId="0" borderId="0" xfId="3" applyFont="1"/>
    <xf numFmtId="0" fontId="11" fillId="2" borderId="0" xfId="0" applyNumberFormat="1" applyFont="1" applyFill="1" applyBorder="1" applyAlignment="1">
      <alignment horizontal="center" vertical="center"/>
    </xf>
    <xf numFmtId="0" fontId="5" fillId="3" borderId="0" xfId="0" applyNumberFormat="1" applyFont="1" applyFill="1" applyBorder="1" applyAlignment="1">
      <alignment vertical="top"/>
    </xf>
    <xf numFmtId="0" fontId="5" fillId="3" borderId="0" xfId="0" applyNumberFormat="1" applyFont="1" applyFill="1" applyBorder="1" applyAlignment="1">
      <alignment horizontal="left" vertical="center"/>
    </xf>
    <xf numFmtId="0" fontId="5" fillId="3" borderId="0" xfId="0" applyFont="1" applyFill="1" applyBorder="1"/>
    <xf numFmtId="0" fontId="5" fillId="3" borderId="0" xfId="0" applyNumberFormat="1" applyFont="1" applyFill="1" applyBorder="1" applyAlignment="1">
      <alignment horizontal="left" vertical="top"/>
    </xf>
    <xf numFmtId="0" fontId="5" fillId="0" borderId="0" xfId="0" applyFont="1" applyFill="1" applyBorder="1"/>
    <xf numFmtId="0" fontId="5" fillId="3" borderId="0" xfId="0" applyFont="1" applyFill="1" applyBorder="1" applyAlignment="1">
      <alignment horizontal="left" vertical="center"/>
    </xf>
    <xf numFmtId="0" fontId="5" fillId="0" borderId="0" xfId="0" applyFont="1" applyFill="1" applyBorder="1" applyAlignment="1">
      <alignment vertical="center"/>
    </xf>
    <xf numFmtId="0" fontId="5" fillId="0" borderId="8" xfId="0" applyNumberFormat="1" applyFont="1" applyBorder="1" applyAlignment="1"/>
    <xf numFmtId="0" fontId="5" fillId="4" borderId="0" xfId="0" applyNumberFormat="1" applyFont="1" applyFill="1" applyBorder="1" applyAlignment="1">
      <alignment vertical="center"/>
    </xf>
    <xf numFmtId="0" fontId="5" fillId="3" borderId="9" xfId="0" applyNumberFormat="1" applyFont="1" applyFill="1" applyBorder="1" applyAlignment="1">
      <alignment vertical="top"/>
    </xf>
    <xf numFmtId="0" fontId="5" fillId="3" borderId="10" xfId="0" applyFont="1" applyFill="1" applyBorder="1"/>
    <xf numFmtId="0" fontId="5" fillId="3" borderId="11" xfId="0" applyNumberFormat="1" applyFont="1" applyFill="1" applyBorder="1" applyAlignment="1">
      <alignment vertical="top"/>
    </xf>
    <xf numFmtId="0" fontId="5" fillId="3" borderId="12" xfId="0" applyNumberFormat="1" applyFont="1" applyFill="1" applyBorder="1" applyAlignment="1">
      <alignment vertical="top"/>
    </xf>
    <xf numFmtId="0" fontId="5" fillId="3" borderId="12" xfId="0" applyFont="1" applyFill="1" applyBorder="1"/>
    <xf numFmtId="0" fontId="5" fillId="2" borderId="0" xfId="0" applyNumberFormat="1" applyFont="1" applyFill="1" applyBorder="1" applyAlignment="1">
      <alignment vertical="top"/>
    </xf>
    <xf numFmtId="0" fontId="5" fillId="2" borderId="0" xfId="0" applyFont="1" applyFill="1" applyBorder="1"/>
    <xf numFmtId="0" fontId="5" fillId="2" borderId="0" xfId="0" applyNumberFormat="1" applyFont="1" applyFill="1" applyBorder="1" applyAlignment="1">
      <alignment horizontal="left" vertical="top"/>
    </xf>
    <xf numFmtId="0" fontId="5" fillId="2" borderId="0" xfId="0" applyNumberFormat="1" applyFont="1" applyFill="1" applyBorder="1" applyAlignment="1">
      <alignment horizontal="left" vertical="center"/>
    </xf>
    <xf numFmtId="0" fontId="5" fillId="2" borderId="13" xfId="0" applyNumberFormat="1" applyFont="1" applyFill="1" applyBorder="1" applyAlignment="1">
      <alignment horizontal="center" vertical="center"/>
    </xf>
    <xf numFmtId="0" fontId="5" fillId="2" borderId="0"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0" fontId="5" fillId="2" borderId="12" xfId="0" applyFont="1" applyFill="1" applyBorder="1" applyAlignment="1">
      <alignment horizontal="center" vertical="center"/>
    </xf>
    <xf numFmtId="0" fontId="2" fillId="2" borderId="0" xfId="1" applyFill="1">
      <alignment vertical="center"/>
    </xf>
    <xf numFmtId="0" fontId="5" fillId="2" borderId="0" xfId="0" applyNumberFormat="1" applyFont="1" applyFill="1" applyBorder="1" applyAlignment="1"/>
    <xf numFmtId="0" fontId="4" fillId="2" borderId="0" xfId="0" applyNumberFormat="1" applyFont="1" applyFill="1" applyBorder="1" applyAlignment="1">
      <alignment vertical="top"/>
    </xf>
    <xf numFmtId="0" fontId="5" fillId="2" borderId="0" xfId="0" applyNumberFormat="1" applyFont="1" applyFill="1" applyBorder="1" applyAlignment="1">
      <alignment horizontal="center" vertical="center" wrapText="1"/>
    </xf>
    <xf numFmtId="0" fontId="4" fillId="2" borderId="0" xfId="0" applyNumberFormat="1" applyFont="1" applyFill="1" applyBorder="1" applyAlignment="1"/>
    <xf numFmtId="0" fontId="4" fillId="2" borderId="0" xfId="0" applyFont="1" applyFill="1" applyBorder="1"/>
    <xf numFmtId="0" fontId="5" fillId="2" borderId="0" xfId="0" applyNumberFormat="1" applyFont="1" applyFill="1" applyBorder="1"/>
    <xf numFmtId="0" fontId="5" fillId="2" borderId="9" xfId="0" applyNumberFormat="1" applyFont="1" applyFill="1" applyBorder="1" applyAlignment="1">
      <alignment vertical="top"/>
    </xf>
    <xf numFmtId="0" fontId="5" fillId="2" borderId="10" xfId="0" applyFont="1" applyFill="1" applyBorder="1"/>
    <xf numFmtId="0" fontId="5" fillId="2" borderId="0" xfId="0" applyFont="1" applyFill="1" applyBorder="1" applyAlignment="1">
      <alignment horizontal="center" vertical="center"/>
    </xf>
    <xf numFmtId="0" fontId="5" fillId="2" borderId="0" xfId="0" applyFont="1" applyFill="1" applyBorder="1" applyAlignment="1">
      <alignment vertical="center"/>
    </xf>
    <xf numFmtId="0" fontId="5" fillId="2" borderId="0" xfId="0" applyFont="1" applyFill="1" applyBorder="1" applyAlignment="1">
      <alignment vertical="top"/>
    </xf>
    <xf numFmtId="0" fontId="4" fillId="0" borderId="0" xfId="0" applyFont="1" applyBorder="1" applyAlignment="1">
      <alignment horizontal="right" vertical="center"/>
    </xf>
    <xf numFmtId="0" fontId="4" fillId="3" borderId="9" xfId="0" applyNumberFormat="1" applyFont="1" applyFill="1" applyBorder="1" applyAlignment="1">
      <alignment vertical="top"/>
    </xf>
    <xf numFmtId="0" fontId="4" fillId="3" borderId="0" xfId="0" applyNumberFormat="1" applyFont="1" applyFill="1" applyBorder="1" applyAlignment="1">
      <alignment vertical="top"/>
    </xf>
    <xf numFmtId="0" fontId="4" fillId="3" borderId="12" xfId="0" applyNumberFormat="1" applyFont="1" applyFill="1" applyBorder="1" applyAlignment="1">
      <alignment vertical="top"/>
    </xf>
    <xf numFmtId="0" fontId="4" fillId="0" borderId="0" xfId="0" applyFont="1" applyFill="1" applyBorder="1" applyAlignment="1">
      <alignment vertical="center"/>
    </xf>
    <xf numFmtId="0" fontId="5" fillId="3" borderId="1" xfId="0" applyFont="1" applyFill="1" applyBorder="1" applyAlignment="1">
      <alignment horizontal="center"/>
    </xf>
    <xf numFmtId="0" fontId="5" fillId="3" borderId="2" xfId="0" applyFont="1" applyFill="1" applyBorder="1" applyAlignment="1">
      <alignment horizontal="center"/>
    </xf>
    <xf numFmtId="0" fontId="5" fillId="3" borderId="3" xfId="0" applyFont="1" applyFill="1" applyBorder="1" applyAlignment="1">
      <alignment horizontal="center"/>
    </xf>
    <xf numFmtId="0" fontId="5" fillId="3" borderId="14" xfId="0" applyFont="1" applyFill="1" applyBorder="1" applyAlignment="1">
      <alignment horizontal="center"/>
    </xf>
    <xf numFmtId="0" fontId="5" fillId="3" borderId="12" xfId="0" applyFont="1" applyFill="1" applyBorder="1" applyAlignment="1">
      <alignment horizontal="center"/>
    </xf>
    <xf numFmtId="0" fontId="5" fillId="3" borderId="15" xfId="0" applyFont="1" applyFill="1" applyBorder="1" applyAlignment="1">
      <alignment horizontal="center"/>
    </xf>
    <xf numFmtId="0" fontId="4" fillId="3" borderId="12" xfId="0" applyFont="1" applyFill="1" applyBorder="1"/>
    <xf numFmtId="0" fontId="4" fillId="4" borderId="16" xfId="0" applyNumberFormat="1" applyFont="1" applyFill="1" applyBorder="1" applyAlignment="1">
      <alignment horizontal="center" vertical="center" wrapText="1"/>
    </xf>
    <xf numFmtId="0" fontId="4" fillId="4" borderId="17" xfId="0" applyNumberFormat="1" applyFont="1" applyFill="1" applyBorder="1" applyAlignment="1">
      <alignment horizontal="center" vertical="center" wrapText="1"/>
    </xf>
    <xf numFmtId="0" fontId="4" fillId="2" borderId="18" xfId="0" applyNumberFormat="1" applyFont="1" applyFill="1" applyBorder="1" applyAlignment="1">
      <alignment horizontal="center" vertical="center" wrapText="1"/>
    </xf>
    <xf numFmtId="0" fontId="4" fillId="2" borderId="19" xfId="0" applyNumberFormat="1" applyFont="1" applyFill="1" applyBorder="1" applyAlignment="1">
      <alignment horizontal="center" vertical="center" wrapText="1"/>
    </xf>
    <xf numFmtId="0" fontId="4" fillId="2" borderId="20" xfId="0" applyNumberFormat="1" applyFont="1" applyFill="1" applyBorder="1" applyAlignment="1">
      <alignment horizontal="center" vertical="center" wrapText="1"/>
    </xf>
    <xf numFmtId="0" fontId="5" fillId="2" borderId="13" xfId="0" applyNumberFormat="1" applyFont="1" applyFill="1" applyBorder="1" applyAlignment="1">
      <alignment horizontal="center" vertical="center" wrapText="1"/>
    </xf>
    <xf numFmtId="0" fontId="12" fillId="2" borderId="0" xfId="1" applyFont="1" applyFill="1">
      <alignment vertical="center"/>
    </xf>
    <xf numFmtId="0" fontId="10" fillId="2" borderId="0" xfId="0" applyNumberFormat="1" applyFont="1" applyFill="1" applyBorder="1" applyAlignment="1">
      <alignment horizontal="left" vertical="top"/>
    </xf>
    <xf numFmtId="0" fontId="10" fillId="2" borderId="0" xfId="0" applyFont="1" applyFill="1" applyBorder="1"/>
    <xf numFmtId="0" fontId="10" fillId="2" borderId="0" xfId="0" applyNumberFormat="1" applyFont="1" applyFill="1" applyBorder="1" applyAlignment="1">
      <alignment vertical="top"/>
    </xf>
    <xf numFmtId="0" fontId="10" fillId="2" borderId="0" xfId="0" applyNumberFormat="1" applyFont="1" applyFill="1" applyBorder="1" applyAlignment="1">
      <alignment horizontal="center" vertical="center" wrapText="1"/>
    </xf>
    <xf numFmtId="0" fontId="10" fillId="2" borderId="0" xfId="0" applyNumberFormat="1" applyFont="1" applyFill="1" applyBorder="1"/>
    <xf numFmtId="0" fontId="15" fillId="2" borderId="0" xfId="0" applyNumberFormat="1" applyFont="1" applyFill="1" applyBorder="1" applyAlignment="1">
      <alignment vertical="top"/>
    </xf>
    <xf numFmtId="0" fontId="16" fillId="2" borderId="0" xfId="1" applyFont="1" applyFill="1">
      <alignment vertical="center"/>
    </xf>
    <xf numFmtId="0" fontId="15" fillId="2" borderId="0" xfId="0" applyNumberFormat="1" applyFont="1" applyFill="1" applyBorder="1" applyAlignment="1">
      <alignment horizontal="left" vertical="top"/>
    </xf>
    <xf numFmtId="0" fontId="10" fillId="3" borderId="0" xfId="0" applyNumberFormat="1" applyFont="1" applyFill="1" applyBorder="1" applyAlignment="1">
      <alignment vertical="top"/>
    </xf>
    <xf numFmtId="0" fontId="10" fillId="0" borderId="0" xfId="0" applyFont="1" applyBorder="1" applyAlignment="1">
      <alignment horizontal="right" vertical="center"/>
    </xf>
    <xf numFmtId="49" fontId="10" fillId="2" borderId="13" xfId="0" applyNumberFormat="1" applyFont="1" applyFill="1" applyBorder="1" applyAlignment="1">
      <alignment horizontal="center" vertical="center"/>
    </xf>
    <xf numFmtId="0" fontId="2" fillId="2" borderId="13" xfId="0" applyFont="1" applyFill="1" applyBorder="1"/>
    <xf numFmtId="0" fontId="5" fillId="2" borderId="13" xfId="0" applyNumberFormat="1" applyFont="1" applyFill="1" applyBorder="1" applyAlignment="1">
      <alignment horizontal="right" vertical="center" wrapText="1"/>
    </xf>
    <xf numFmtId="0" fontId="5" fillId="2" borderId="13" xfId="0" applyNumberFormat="1" applyFont="1" applyFill="1" applyBorder="1" applyAlignment="1">
      <alignment horizontal="center" vertical="top"/>
    </xf>
    <xf numFmtId="0" fontId="5" fillId="2" borderId="13" xfId="0" applyNumberFormat="1" applyFont="1" applyFill="1" applyBorder="1" applyAlignment="1">
      <alignment horizontal="left" vertical="center" wrapText="1"/>
    </xf>
    <xf numFmtId="0" fontId="5" fillId="2" borderId="13" xfId="0" applyFont="1" applyFill="1" applyBorder="1" applyAlignment="1">
      <alignment horizontal="center"/>
    </xf>
    <xf numFmtId="0" fontId="10" fillId="2" borderId="0" xfId="0" applyNumberFormat="1" applyFont="1" applyFill="1" applyBorder="1" applyAlignment="1"/>
    <xf numFmtId="0" fontId="10" fillId="2" borderId="18" xfId="0" applyNumberFormat="1" applyFont="1" applyFill="1" applyBorder="1" applyAlignment="1">
      <alignment vertical="top"/>
    </xf>
    <xf numFmtId="0" fontId="10" fillId="2" borderId="19" xfId="0" applyNumberFormat="1" applyFont="1" applyFill="1" applyBorder="1" applyAlignment="1">
      <alignment vertical="top"/>
    </xf>
    <xf numFmtId="0" fontId="10" fillId="2" borderId="19" xfId="0" applyNumberFormat="1" applyFont="1" applyFill="1" applyBorder="1" applyAlignment="1">
      <alignment horizontal="left" vertical="center"/>
    </xf>
    <xf numFmtId="0" fontId="10" fillId="2" borderId="19" xfId="0" applyFont="1" applyFill="1" applyBorder="1"/>
    <xf numFmtId="0" fontId="10" fillId="2" borderId="20" xfId="0" applyFont="1" applyFill="1" applyBorder="1"/>
    <xf numFmtId="0" fontId="10" fillId="2" borderId="0" xfId="0" applyNumberFormat="1" applyFont="1" applyFill="1" applyBorder="1" applyAlignment="1">
      <alignment horizontal="left" vertical="center"/>
    </xf>
    <xf numFmtId="0" fontId="10" fillId="2" borderId="10" xfId="0" applyFont="1" applyFill="1" applyBorder="1"/>
    <xf numFmtId="0" fontId="10" fillId="3" borderId="0" xfId="0" applyFont="1" applyFill="1" applyBorder="1"/>
    <xf numFmtId="0" fontId="10" fillId="0" borderId="0" xfId="0" applyNumberFormat="1" applyFont="1" applyBorder="1" applyAlignment="1"/>
    <xf numFmtId="0" fontId="10" fillId="3" borderId="9" xfId="0" applyNumberFormat="1" applyFont="1" applyFill="1" applyBorder="1" applyAlignment="1">
      <alignment vertical="top"/>
    </xf>
    <xf numFmtId="0" fontId="10" fillId="3" borderId="0" xfId="0" applyNumberFormat="1" applyFont="1" applyFill="1" applyBorder="1" applyAlignment="1">
      <alignment horizontal="left" vertical="center"/>
    </xf>
    <xf numFmtId="0" fontId="10" fillId="0" borderId="0" xfId="0" applyFont="1" applyBorder="1"/>
    <xf numFmtId="0" fontId="10" fillId="3" borderId="0" xfId="0" applyFont="1" applyFill="1" applyBorder="1" applyAlignment="1">
      <alignment vertical="center" wrapText="1"/>
    </xf>
    <xf numFmtId="0" fontId="10" fillId="3" borderId="10" xfId="0" applyFont="1" applyFill="1" applyBorder="1"/>
    <xf numFmtId="0" fontId="10" fillId="3" borderId="0" xfId="0" applyFont="1" applyFill="1" applyBorder="1" applyAlignment="1">
      <alignment horizontal="left" vertical="center"/>
    </xf>
    <xf numFmtId="0" fontId="10" fillId="3" borderId="0" xfId="0" applyNumberFormat="1" applyFont="1" applyFill="1" applyBorder="1" applyAlignment="1">
      <alignment horizontal="left" vertical="top"/>
    </xf>
    <xf numFmtId="0" fontId="10" fillId="3" borderId="11" xfId="0" applyNumberFormat="1" applyFont="1" applyFill="1" applyBorder="1" applyAlignment="1">
      <alignment vertical="top"/>
    </xf>
    <xf numFmtId="0" fontId="10" fillId="3" borderId="12" xfId="0" applyNumberFormat="1" applyFont="1" applyFill="1" applyBorder="1" applyAlignment="1">
      <alignment vertical="top"/>
    </xf>
    <xf numFmtId="0" fontId="10" fillId="3" borderId="12" xfId="0" applyFont="1" applyFill="1" applyBorder="1"/>
    <xf numFmtId="0" fontId="10" fillId="3" borderId="21" xfId="0" applyFont="1" applyFill="1" applyBorder="1"/>
    <xf numFmtId="0" fontId="10" fillId="0" borderId="0" xfId="0" applyFont="1" applyFill="1" applyBorder="1" applyAlignment="1">
      <alignment vertical="center"/>
    </xf>
    <xf numFmtId="0" fontId="10" fillId="0" borderId="0" xfId="0" applyFont="1" applyFill="1" applyBorder="1"/>
    <xf numFmtId="0" fontId="10" fillId="2" borderId="0" xfId="0" applyFont="1" applyFill="1" applyBorder="1" applyAlignment="1">
      <alignment vertical="center"/>
    </xf>
    <xf numFmtId="0" fontId="10" fillId="2" borderId="0" xfId="0" applyFont="1" applyFill="1" applyBorder="1" applyAlignment="1">
      <alignment vertical="top"/>
    </xf>
    <xf numFmtId="0" fontId="10" fillId="4" borderId="22" xfId="0" applyNumberFormat="1" applyFont="1" applyFill="1" applyBorder="1" applyAlignment="1">
      <alignment horizontal="center" vertical="center" wrapText="1"/>
    </xf>
    <xf numFmtId="0" fontId="4" fillId="0" borderId="0" xfId="0" applyFont="1" applyFill="1" applyBorder="1"/>
    <xf numFmtId="0" fontId="5" fillId="0" borderId="0" xfId="0" applyNumberFormat="1" applyFont="1" applyFill="1" applyBorder="1" applyAlignment="1">
      <alignment vertical="center"/>
    </xf>
    <xf numFmtId="0" fontId="5" fillId="0" borderId="0" xfId="0" applyNumberFormat="1" applyFont="1" applyFill="1" applyBorder="1" applyAlignment="1"/>
    <xf numFmtId="0" fontId="9" fillId="0" borderId="0" xfId="0" applyNumberFormat="1" applyFont="1" applyBorder="1" applyAlignment="1"/>
    <xf numFmtId="0" fontId="19" fillId="2" borderId="0" xfId="1" applyFont="1" applyFill="1">
      <alignment vertical="center"/>
    </xf>
    <xf numFmtId="0" fontId="20" fillId="3" borderId="0" xfId="0" applyNumberFormat="1" applyFont="1" applyFill="1" applyBorder="1" applyAlignment="1">
      <alignment horizontal="left" vertical="top"/>
    </xf>
    <xf numFmtId="0" fontId="20" fillId="3" borderId="0" xfId="0" applyNumberFormat="1" applyFont="1" applyFill="1" applyBorder="1" applyAlignment="1">
      <alignment horizontal="left" vertical="center"/>
    </xf>
    <xf numFmtId="0" fontId="20" fillId="3" borderId="0" xfId="0" applyFont="1" applyFill="1" applyBorder="1"/>
    <xf numFmtId="0" fontId="20" fillId="3" borderId="0" xfId="0" applyFont="1" applyFill="1" applyBorder="1" applyAlignment="1">
      <alignment horizontal="center"/>
    </xf>
    <xf numFmtId="0" fontId="20" fillId="0" borderId="0" xfId="0" applyFont="1" applyFill="1" applyBorder="1" applyAlignment="1">
      <alignment horizontal="center"/>
    </xf>
    <xf numFmtId="0" fontId="20" fillId="2" borderId="0" xfId="0" applyFont="1" applyFill="1" applyBorder="1" applyAlignment="1">
      <alignment horizontal="center" vertical="center"/>
    </xf>
    <xf numFmtId="0" fontId="20" fillId="2" borderId="0" xfId="0" applyFont="1" applyFill="1" applyBorder="1" applyAlignment="1">
      <alignment horizontal="center"/>
    </xf>
    <xf numFmtId="0" fontId="9" fillId="0" borderId="0" xfId="0" applyFont="1" applyFill="1" applyBorder="1"/>
    <xf numFmtId="0" fontId="9" fillId="0" borderId="0" xfId="0" applyFont="1" applyBorder="1"/>
    <xf numFmtId="0" fontId="19" fillId="0" borderId="0" xfId="1" applyFont="1" applyFill="1">
      <alignment vertical="center"/>
    </xf>
    <xf numFmtId="0" fontId="20" fillId="2" borderId="0" xfId="0" applyNumberFormat="1" applyFont="1" applyFill="1" applyBorder="1" applyAlignment="1"/>
    <xf numFmtId="0" fontId="20" fillId="2" borderId="0" xfId="0" applyNumberFormat="1" applyFont="1" applyFill="1" applyBorder="1" applyAlignment="1">
      <alignment horizontal="left" vertical="top"/>
    </xf>
    <xf numFmtId="0" fontId="20" fillId="2" borderId="0" xfId="0" applyNumberFormat="1" applyFont="1" applyFill="1" applyBorder="1" applyAlignment="1">
      <alignment horizontal="left" vertical="center"/>
    </xf>
    <xf numFmtId="0" fontId="20" fillId="2" borderId="0" xfId="0" applyFont="1" applyFill="1" applyBorder="1"/>
    <xf numFmtId="0" fontId="20" fillId="0" borderId="0" xfId="0" applyFont="1" applyFill="1" applyBorder="1"/>
    <xf numFmtId="0" fontId="20" fillId="2" borderId="0" xfId="0" applyNumberFormat="1" applyFont="1" applyFill="1" applyBorder="1" applyAlignment="1">
      <alignment vertical="top"/>
    </xf>
    <xf numFmtId="0" fontId="20" fillId="2" borderId="0" xfId="0" applyNumberFormat="1" applyFont="1" applyFill="1" applyBorder="1" applyAlignment="1">
      <alignment horizontal="center" vertical="center" wrapText="1"/>
    </xf>
    <xf numFmtId="0" fontId="20" fillId="2" borderId="0" xfId="0" applyNumberFormat="1" applyFont="1" applyFill="1" applyBorder="1" applyAlignment="1">
      <alignment horizontal="center" vertical="center"/>
    </xf>
    <xf numFmtId="0" fontId="20" fillId="2" borderId="0" xfId="0" applyNumberFormat="1" applyFont="1" applyFill="1" applyBorder="1"/>
    <xf numFmtId="0" fontId="10" fillId="0" borderId="23" xfId="0" applyNumberFormat="1" applyFont="1" applyFill="1" applyBorder="1" applyAlignment="1">
      <alignment horizontal="center" vertical="center" wrapText="1"/>
    </xf>
    <xf numFmtId="0" fontId="10" fillId="2" borderId="24" xfId="0" applyNumberFormat="1" applyFont="1" applyFill="1" applyBorder="1" applyAlignment="1">
      <alignment horizontal="center" vertical="center" wrapText="1"/>
    </xf>
    <xf numFmtId="0" fontId="15" fillId="3" borderId="9" xfId="0" applyNumberFormat="1" applyFont="1" applyFill="1" applyBorder="1" applyAlignment="1">
      <alignment vertical="top"/>
    </xf>
    <xf numFmtId="0" fontId="15" fillId="2" borderId="9" xfId="0" applyNumberFormat="1" applyFont="1" applyFill="1" applyBorder="1" applyAlignment="1">
      <alignment vertical="top"/>
    </xf>
    <xf numFmtId="0" fontId="15" fillId="2" borderId="0" xfId="0" applyFont="1" applyFill="1" applyBorder="1"/>
    <xf numFmtId="0" fontId="15" fillId="3" borderId="0" xfId="0" applyNumberFormat="1" applyFont="1" applyFill="1" applyBorder="1" applyAlignment="1">
      <alignment vertical="top"/>
    </xf>
    <xf numFmtId="0" fontId="15" fillId="3" borderId="0" xfId="0" applyFont="1" applyFill="1" applyBorder="1"/>
    <xf numFmtId="0" fontId="15" fillId="0" borderId="0" xfId="0" applyFont="1" applyBorder="1"/>
    <xf numFmtId="0" fontId="15" fillId="3" borderId="0" xfId="0" applyFont="1" applyFill="1" applyBorder="1" applyAlignment="1">
      <alignment vertical="center" wrapText="1"/>
    </xf>
    <xf numFmtId="0" fontId="15" fillId="3" borderId="0" xfId="0" applyNumberFormat="1" applyFont="1" applyFill="1" applyBorder="1" applyAlignment="1">
      <alignment horizontal="left" vertical="top"/>
    </xf>
    <xf numFmtId="0" fontId="18" fillId="2" borderId="0" xfId="0" applyNumberFormat="1" applyFont="1" applyFill="1" applyBorder="1" applyAlignment="1">
      <alignment horizontal="center" vertical="center"/>
    </xf>
    <xf numFmtId="0" fontId="23" fillId="0" borderId="0" xfId="0" applyFont="1" applyBorder="1"/>
    <xf numFmtId="0" fontId="25" fillId="2" borderId="0" xfId="0" applyNumberFormat="1" applyFont="1" applyFill="1" applyBorder="1" applyAlignment="1">
      <alignment horizontal="center" vertical="center"/>
    </xf>
    <xf numFmtId="0" fontId="28" fillId="0" borderId="0" xfId="0" applyNumberFormat="1" applyFont="1" applyBorder="1" applyAlignment="1"/>
    <xf numFmtId="0" fontId="28" fillId="0" borderId="0" xfId="0" applyNumberFormat="1" applyFont="1" applyFill="1" applyBorder="1" applyAlignment="1"/>
    <xf numFmtId="0" fontId="28" fillId="2" borderId="0" xfId="0" applyNumberFormat="1" applyFont="1" applyFill="1" applyBorder="1" applyAlignment="1"/>
    <xf numFmtId="0" fontId="26" fillId="2" borderId="0" xfId="0" applyNumberFormat="1" applyFont="1" applyFill="1" applyBorder="1" applyAlignment="1"/>
    <xf numFmtId="0" fontId="26" fillId="0" borderId="0" xfId="0" applyNumberFormat="1" applyFont="1" applyBorder="1" applyAlignment="1"/>
    <xf numFmtId="0" fontId="26" fillId="0" borderId="0" xfId="0" applyFont="1" applyFill="1" applyBorder="1" applyAlignment="1">
      <alignment vertical="center"/>
    </xf>
    <xf numFmtId="0" fontId="26" fillId="0" borderId="0" xfId="0" applyFont="1" applyFill="1" applyBorder="1"/>
    <xf numFmtId="0" fontId="28" fillId="0" borderId="0" xfId="0" applyNumberFormat="1" applyFont="1" applyFill="1" applyBorder="1" applyAlignment="1">
      <alignment horizontal="center" vertical="center"/>
    </xf>
    <xf numFmtId="0" fontId="28" fillId="0" borderId="0" xfId="0" applyNumberFormat="1" applyFont="1" applyFill="1" applyBorder="1" applyAlignment="1">
      <alignment horizontal="center" vertical="top"/>
    </xf>
    <xf numFmtId="0" fontId="26" fillId="0" borderId="0" xfId="0" applyFont="1" applyFill="1" applyBorder="1" applyAlignment="1">
      <alignment vertical="center" wrapText="1"/>
    </xf>
    <xf numFmtId="0" fontId="26" fillId="0" borderId="0" xfId="0" applyFont="1" applyFill="1" applyBorder="1" applyAlignment="1">
      <alignment vertical="top"/>
    </xf>
    <xf numFmtId="0" fontId="26" fillId="0" borderId="0" xfId="0" applyFont="1" applyFill="1" applyBorder="1" applyAlignment="1"/>
    <xf numFmtId="0" fontId="26" fillId="0" borderId="0" xfId="0" applyNumberFormat="1" applyFont="1" applyFill="1" applyBorder="1" applyAlignment="1">
      <alignment vertical="center"/>
    </xf>
    <xf numFmtId="0" fontId="27" fillId="0" borderId="0" xfId="0" applyFont="1" applyFill="1" applyBorder="1" applyAlignment="1"/>
    <xf numFmtId="0" fontId="28" fillId="0" borderId="0" xfId="0" applyFont="1" applyFill="1" applyBorder="1" applyAlignment="1"/>
    <xf numFmtId="0" fontId="28" fillId="0" borderId="0" xfId="0" applyNumberFormat="1" applyFont="1" applyFill="1" applyBorder="1" applyAlignment="1">
      <alignment vertical="center"/>
    </xf>
    <xf numFmtId="0" fontId="26" fillId="0" borderId="0" xfId="0" applyNumberFormat="1" applyFont="1" applyFill="1" applyBorder="1" applyAlignment="1">
      <alignment vertical="center" wrapText="1"/>
    </xf>
    <xf numFmtId="0" fontId="23" fillId="0" borderId="0" xfId="0" applyNumberFormat="1" applyFont="1" applyFill="1" applyBorder="1" applyAlignment="1">
      <alignment vertical="center" wrapText="1"/>
    </xf>
    <xf numFmtId="0" fontId="28" fillId="0" borderId="0" xfId="0" applyNumberFormat="1" applyFont="1" applyFill="1" applyBorder="1" applyAlignment="1">
      <alignment vertical="top"/>
    </xf>
    <xf numFmtId="0" fontId="29" fillId="0" borderId="0" xfId="0" applyNumberFormat="1" applyFont="1" applyFill="1" applyBorder="1" applyAlignment="1">
      <alignment vertical="top" wrapText="1"/>
    </xf>
    <xf numFmtId="0" fontId="0" fillId="0" borderId="0" xfId="0" applyAlignment="1"/>
    <xf numFmtId="0" fontId="24" fillId="2" borderId="0" xfId="0" applyNumberFormat="1" applyFont="1" applyFill="1" applyBorder="1" applyAlignment="1">
      <alignment vertical="center"/>
    </xf>
    <xf numFmtId="0" fontId="30" fillId="0" borderId="0" xfId="0" applyNumberFormat="1" applyFont="1" applyFill="1" applyBorder="1" applyAlignment="1">
      <alignment vertical="center"/>
    </xf>
    <xf numFmtId="0" fontId="30" fillId="0" borderId="0" xfId="0" applyNumberFormat="1" applyFont="1" applyFill="1" applyBorder="1" applyAlignment="1">
      <alignment horizontal="center" vertical="top"/>
    </xf>
    <xf numFmtId="0" fontId="30" fillId="0" borderId="0" xfId="0" applyNumberFormat="1" applyFont="1" applyFill="1" applyBorder="1" applyAlignment="1">
      <alignment vertical="top"/>
    </xf>
    <xf numFmtId="0" fontId="30" fillId="0" borderId="0" xfId="0" applyFont="1" applyFill="1" applyBorder="1" applyAlignment="1"/>
    <xf numFmtId="0" fontId="30" fillId="0" borderId="0" xfId="0" applyFont="1" applyFill="1" applyBorder="1"/>
    <xf numFmtId="0" fontId="30" fillId="0" borderId="0" xfId="0" applyNumberFormat="1" applyFont="1" applyFill="1" applyBorder="1" applyAlignment="1">
      <alignment horizontal="left" vertical="top"/>
    </xf>
    <xf numFmtId="0" fontId="30" fillId="0" borderId="25" xfId="0" applyNumberFormat="1" applyFont="1" applyFill="1" applyBorder="1" applyAlignment="1">
      <alignment vertical="top"/>
    </xf>
    <xf numFmtId="0" fontId="30" fillId="0" borderId="25" xfId="0" applyNumberFormat="1" applyFont="1" applyFill="1" applyBorder="1" applyAlignment="1">
      <alignment vertical="center"/>
    </xf>
    <xf numFmtId="0" fontId="30" fillId="0" borderId="25" xfId="0" applyFont="1" applyFill="1" applyBorder="1" applyAlignment="1"/>
    <xf numFmtId="0" fontId="30" fillId="0" borderId="26" xfId="0" applyFont="1" applyFill="1" applyBorder="1" applyAlignment="1"/>
    <xf numFmtId="0" fontId="30" fillId="0" borderId="27" xfId="0" applyFont="1" applyFill="1" applyBorder="1" applyAlignment="1"/>
    <xf numFmtId="0" fontId="30" fillId="0" borderId="28" xfId="0" applyFont="1" applyFill="1" applyBorder="1" applyAlignment="1"/>
    <xf numFmtId="0" fontId="30" fillId="0" borderId="29" xfId="0" applyFont="1" applyFill="1" applyBorder="1" applyAlignment="1"/>
    <xf numFmtId="0" fontId="10" fillId="0" borderId="26" xfId="0" applyFont="1" applyFill="1" applyBorder="1"/>
    <xf numFmtId="0" fontId="15" fillId="0" borderId="26" xfId="0" applyFont="1" applyFill="1" applyBorder="1"/>
    <xf numFmtId="0" fontId="15" fillId="0" borderId="0" xfId="0" applyFont="1" applyFill="1" applyBorder="1"/>
    <xf numFmtId="0" fontId="15" fillId="0" borderId="26" xfId="0" applyFont="1" applyFill="1" applyBorder="1" applyAlignment="1">
      <alignment vertical="center" wrapText="1"/>
    </xf>
    <xf numFmtId="0" fontId="15" fillId="0" borderId="0" xfId="0" applyFont="1" applyFill="1" applyBorder="1" applyAlignment="1">
      <alignment vertical="center" wrapText="1"/>
    </xf>
    <xf numFmtId="0" fontId="10" fillId="0" borderId="0" xfId="0" applyFont="1" applyFill="1" applyBorder="1" applyAlignment="1">
      <alignment vertical="center" wrapText="1"/>
    </xf>
    <xf numFmtId="0" fontId="15" fillId="0" borderId="0" xfId="0" applyNumberFormat="1" applyFont="1" applyFill="1" applyBorder="1" applyAlignment="1">
      <alignment vertical="top"/>
    </xf>
    <xf numFmtId="0" fontId="15" fillId="0" borderId="26" xfId="0" applyNumberFormat="1" applyFont="1" applyFill="1" applyBorder="1" applyAlignment="1">
      <alignment vertical="top"/>
    </xf>
    <xf numFmtId="0" fontId="10" fillId="0" borderId="0" xfId="0" applyNumberFormat="1" applyFont="1" applyFill="1" applyBorder="1" applyAlignment="1">
      <alignment vertical="top"/>
    </xf>
    <xf numFmtId="0" fontId="31" fillId="0" borderId="30" xfId="0" applyNumberFormat="1" applyFont="1" applyFill="1" applyBorder="1" applyAlignment="1">
      <alignment vertical="top"/>
    </xf>
    <xf numFmtId="0" fontId="31" fillId="0" borderId="31" xfId="0" applyNumberFormat="1" applyFont="1" applyFill="1" applyBorder="1" applyAlignment="1">
      <alignment vertical="top"/>
    </xf>
    <xf numFmtId="0" fontId="31" fillId="0" borderId="31" xfId="0" applyNumberFormat="1" applyFont="1" applyFill="1" applyBorder="1" applyAlignment="1">
      <alignment horizontal="left" vertical="center"/>
    </xf>
    <xf numFmtId="0" fontId="31" fillId="0" borderId="31" xfId="0" applyFont="1" applyFill="1" applyBorder="1"/>
    <xf numFmtId="0" fontId="31" fillId="0" borderId="32" xfId="0" applyFont="1" applyFill="1" applyBorder="1"/>
    <xf numFmtId="0" fontId="31" fillId="0" borderId="26" xfId="0" applyNumberFormat="1" applyFont="1" applyFill="1" applyBorder="1" applyAlignment="1">
      <alignment vertical="top"/>
    </xf>
    <xf numFmtId="0" fontId="31" fillId="0" borderId="0" xfId="0" applyNumberFormat="1" applyFont="1" applyFill="1" applyBorder="1" applyAlignment="1">
      <alignment vertical="top"/>
    </xf>
    <xf numFmtId="0" fontId="31" fillId="0" borderId="0" xfId="0" applyFont="1" applyFill="1" applyBorder="1"/>
    <xf numFmtId="0" fontId="31" fillId="0" borderId="0" xfId="0" applyNumberFormat="1" applyFont="1" applyFill="1" applyBorder="1" applyAlignment="1">
      <alignment horizontal="left" vertical="center"/>
    </xf>
    <xf numFmtId="0" fontId="31" fillId="0" borderId="27" xfId="0" applyFont="1" applyFill="1" applyBorder="1"/>
    <xf numFmtId="0" fontId="31" fillId="0" borderId="27" xfId="0" applyFont="1" applyFill="1" applyBorder="1" applyAlignment="1">
      <alignment vertical="center" wrapText="1"/>
    </xf>
    <xf numFmtId="0" fontId="31" fillId="0" borderId="0" xfId="0" applyFont="1" applyFill="1" applyBorder="1" applyAlignment="1">
      <alignment horizontal="left" vertical="center"/>
    </xf>
    <xf numFmtId="0" fontId="31" fillId="0" borderId="0" xfId="0" applyFont="1" applyFill="1" applyBorder="1" applyAlignment="1">
      <alignment vertical="center" wrapText="1"/>
    </xf>
    <xf numFmtId="0" fontId="31" fillId="0" borderId="0" xfId="0" applyNumberFormat="1" applyFont="1" applyFill="1" applyBorder="1" applyAlignment="1">
      <alignment horizontal="left" vertical="top"/>
    </xf>
    <xf numFmtId="0" fontId="31" fillId="0" borderId="27" xfId="0" applyNumberFormat="1" applyFont="1" applyFill="1" applyBorder="1" applyAlignment="1">
      <alignment vertical="top"/>
    </xf>
    <xf numFmtId="0" fontId="30" fillId="4" borderId="33" xfId="0" applyNumberFormat="1" applyFont="1" applyFill="1" applyBorder="1" applyAlignment="1">
      <alignment vertical="center" wrapText="1"/>
    </xf>
    <xf numFmtId="0" fontId="30" fillId="4" borderId="2" xfId="0" applyNumberFormat="1" applyFont="1" applyFill="1" applyBorder="1" applyAlignment="1">
      <alignment vertical="center" wrapText="1"/>
    </xf>
    <xf numFmtId="0" fontId="30" fillId="4" borderId="34" xfId="0" applyNumberFormat="1" applyFont="1" applyFill="1" applyBorder="1" applyAlignment="1">
      <alignment vertical="center" wrapText="1"/>
    </xf>
    <xf numFmtId="0" fontId="30" fillId="0" borderId="23" xfId="0" applyNumberFormat="1" applyFont="1" applyFill="1" applyBorder="1" applyAlignment="1">
      <alignment vertical="center"/>
    </xf>
    <xf numFmtId="0" fontId="26" fillId="0" borderId="23" xfId="0" applyNumberFormat="1" applyFont="1" applyFill="1" applyBorder="1" applyAlignment="1">
      <alignment vertical="center"/>
    </xf>
    <xf numFmtId="0" fontId="26" fillId="0" borderId="35" xfId="0" applyNumberFormat="1" applyFont="1" applyFill="1" applyBorder="1" applyAlignment="1">
      <alignment vertical="center"/>
    </xf>
    <xf numFmtId="0" fontId="28" fillId="0" borderId="23" xfId="0" applyNumberFormat="1" applyFont="1" applyFill="1" applyBorder="1" applyAlignment="1">
      <alignment vertical="center"/>
    </xf>
    <xf numFmtId="0" fontId="28" fillId="0" borderId="35" xfId="0" applyNumberFormat="1" applyFont="1" applyFill="1" applyBorder="1" applyAlignment="1">
      <alignment vertical="center"/>
    </xf>
    <xf numFmtId="0" fontId="26" fillId="0" borderId="23" xfId="0" applyNumberFormat="1" applyFont="1" applyFill="1" applyBorder="1" applyAlignment="1">
      <alignment vertical="center" wrapText="1"/>
    </xf>
    <xf numFmtId="0" fontId="26" fillId="0" borderId="35" xfId="0" applyNumberFormat="1" applyFont="1" applyFill="1" applyBorder="1" applyAlignment="1">
      <alignment vertical="center" wrapText="1"/>
    </xf>
    <xf numFmtId="0" fontId="30" fillId="0" borderId="23" xfId="0" applyFont="1" applyFill="1" applyBorder="1" applyAlignment="1">
      <alignment vertical="center"/>
    </xf>
    <xf numFmtId="0" fontId="27" fillId="0" borderId="23" xfId="0" applyFont="1" applyFill="1" applyBorder="1" applyAlignment="1">
      <alignment vertical="center"/>
    </xf>
    <xf numFmtId="0" fontId="27" fillId="0" borderId="35" xfId="0" applyFont="1" applyFill="1" applyBorder="1" applyAlignment="1">
      <alignment vertical="center"/>
    </xf>
    <xf numFmtId="0" fontId="28" fillId="4" borderId="34" xfId="0" applyNumberFormat="1" applyFont="1" applyFill="1" applyBorder="1" applyAlignment="1">
      <alignment vertical="top"/>
    </xf>
    <xf numFmtId="0" fontId="30" fillId="0" borderId="3" xfId="0" applyNumberFormat="1" applyFont="1" applyFill="1" applyBorder="1" applyAlignment="1">
      <alignment vertical="center"/>
    </xf>
    <xf numFmtId="0" fontId="30" fillId="0" borderId="7" xfId="0" applyNumberFormat="1" applyFont="1" applyFill="1" applyBorder="1" applyAlignment="1">
      <alignment vertical="center"/>
    </xf>
    <xf numFmtId="0" fontId="30" fillId="0" borderId="6" xfId="0" applyNumberFormat="1" applyFont="1" applyFill="1" applyBorder="1" applyAlignment="1">
      <alignment vertical="center"/>
    </xf>
    <xf numFmtId="0" fontId="9" fillId="2" borderId="0" xfId="0" applyFont="1" applyFill="1" applyBorder="1"/>
    <xf numFmtId="0" fontId="27" fillId="0" borderId="0" xfId="0" applyNumberFormat="1" applyFont="1" applyFill="1" applyBorder="1" applyAlignment="1">
      <alignment horizontal="center" vertical="top"/>
    </xf>
    <xf numFmtId="0" fontId="34" fillId="2" borderId="0" xfId="0" applyNumberFormat="1" applyFont="1" applyFill="1" applyBorder="1" applyAlignment="1">
      <alignment horizontal="center" vertical="center"/>
    </xf>
    <xf numFmtId="0" fontId="31" fillId="2" borderId="0" xfId="0" applyFont="1" applyFill="1" applyBorder="1"/>
    <xf numFmtId="0" fontId="31" fillId="0" borderId="0" xfId="0" applyFont="1" applyBorder="1" applyAlignment="1">
      <alignment horizontal="right" vertical="center"/>
    </xf>
    <xf numFmtId="0" fontId="31" fillId="2" borderId="0" xfId="0" applyNumberFormat="1" applyFont="1" applyFill="1" applyBorder="1" applyAlignment="1">
      <alignment horizontal="center" vertical="center"/>
    </xf>
    <xf numFmtId="0" fontId="31" fillId="2" borderId="0" xfId="0" applyFont="1" applyFill="1" applyBorder="1" applyAlignment="1">
      <alignment horizontal="center" vertical="center"/>
    </xf>
    <xf numFmtId="0" fontId="31" fillId="2" borderId="12" xfId="0" applyNumberFormat="1" applyFont="1" applyFill="1" applyBorder="1" applyAlignment="1">
      <alignment horizontal="center" vertical="center"/>
    </xf>
    <xf numFmtId="0" fontId="31" fillId="3" borderId="0" xfId="0" applyNumberFormat="1" applyFont="1" applyFill="1" applyBorder="1" applyAlignment="1">
      <alignment vertical="top"/>
    </xf>
    <xf numFmtId="0" fontId="31" fillId="2" borderId="10" xfId="0" applyFont="1" applyFill="1" applyBorder="1"/>
    <xf numFmtId="0" fontId="31" fillId="3" borderId="0" xfId="0" applyFont="1" applyFill="1" applyBorder="1"/>
    <xf numFmtId="0" fontId="31" fillId="3" borderId="0" xfId="0" applyFont="1" applyFill="1" applyBorder="1" applyAlignment="1">
      <alignment vertical="center" wrapText="1"/>
    </xf>
    <xf numFmtId="0" fontId="31" fillId="3" borderId="10" xfId="0" applyFont="1" applyFill="1" applyBorder="1"/>
    <xf numFmtId="0" fontId="31" fillId="3" borderId="11" xfId="0" applyNumberFormat="1" applyFont="1" applyFill="1" applyBorder="1" applyAlignment="1">
      <alignment vertical="top"/>
    </xf>
    <xf numFmtId="0" fontId="31" fillId="3" borderId="12" xfId="0" applyNumberFormat="1" applyFont="1" applyFill="1" applyBorder="1" applyAlignment="1">
      <alignment vertical="top"/>
    </xf>
    <xf numFmtId="0" fontId="31" fillId="3" borderId="12" xfId="0" applyFont="1" applyFill="1" applyBorder="1"/>
    <xf numFmtId="0" fontId="31" fillId="3" borderId="21" xfId="0" applyFont="1" applyFill="1" applyBorder="1"/>
    <xf numFmtId="0" fontId="31" fillId="2" borderId="12" xfId="0" applyNumberFormat="1" applyFont="1" applyFill="1" applyBorder="1" applyAlignment="1">
      <alignment horizontal="center" vertical="center" wrapText="1"/>
    </xf>
    <xf numFmtId="0" fontId="20" fillId="0" borderId="0" xfId="0" applyFont="1" applyFill="1" applyBorder="1" applyAlignment="1">
      <alignment horizontal="center" vertical="center"/>
    </xf>
    <xf numFmtId="0" fontId="9" fillId="2" borderId="9" xfId="0" applyNumberFormat="1" applyFont="1" applyFill="1" applyBorder="1" applyAlignment="1">
      <alignment vertical="top"/>
    </xf>
    <xf numFmtId="0" fontId="9" fillId="2" borderId="0" xfId="0" applyNumberFormat="1" applyFont="1" applyFill="1" applyBorder="1" applyAlignment="1">
      <alignment vertical="top"/>
    </xf>
    <xf numFmtId="0" fontId="9" fillId="2" borderId="0" xfId="0" applyNumberFormat="1" applyFont="1" applyFill="1" applyBorder="1" applyAlignment="1">
      <alignment horizontal="left" vertical="center"/>
    </xf>
    <xf numFmtId="0" fontId="9" fillId="3" borderId="0" xfId="0" applyNumberFormat="1" applyFont="1" applyFill="1" applyBorder="1" applyAlignment="1">
      <alignment vertical="top"/>
    </xf>
    <xf numFmtId="0" fontId="9" fillId="3" borderId="0" xfId="0" applyFont="1" applyFill="1" applyBorder="1"/>
    <xf numFmtId="0" fontId="9" fillId="3" borderId="9" xfId="0" applyNumberFormat="1" applyFont="1" applyFill="1" applyBorder="1" applyAlignment="1">
      <alignment vertical="top"/>
    </xf>
    <xf numFmtId="0" fontId="9" fillId="3" borderId="0" xfId="0" applyNumberFormat="1" applyFont="1" applyFill="1" applyBorder="1" applyAlignment="1">
      <alignment horizontal="left" vertical="center"/>
    </xf>
    <xf numFmtId="0" fontId="9" fillId="3" borderId="0" xfId="0" applyFont="1" applyFill="1" applyBorder="1" applyAlignment="1">
      <alignment vertical="center" wrapText="1"/>
    </xf>
    <xf numFmtId="0" fontId="9" fillId="3" borderId="0" xfId="0" applyFont="1" applyFill="1" applyBorder="1" applyAlignment="1">
      <alignment horizontal="left" vertical="center"/>
    </xf>
    <xf numFmtId="0" fontId="9" fillId="3" borderId="0" xfId="0" applyNumberFormat="1" applyFont="1" applyFill="1" applyBorder="1" applyAlignment="1">
      <alignment horizontal="left" vertical="top"/>
    </xf>
    <xf numFmtId="0" fontId="31" fillId="3" borderId="10" xfId="0" applyFont="1" applyFill="1" applyBorder="1" applyAlignment="1">
      <alignment vertical="center" wrapText="1"/>
    </xf>
    <xf numFmtId="0" fontId="31" fillId="0" borderId="0" xfId="0" applyNumberFormat="1" applyFont="1" applyFill="1" applyBorder="1" applyAlignment="1">
      <alignment vertical="center" wrapText="1"/>
    </xf>
    <xf numFmtId="49" fontId="31" fillId="2" borderId="12" xfId="0" applyNumberFormat="1" applyFont="1" applyFill="1" applyBorder="1" applyAlignment="1">
      <alignment horizontal="center" vertical="center"/>
    </xf>
    <xf numFmtId="0" fontId="33" fillId="2" borderId="12" xfId="0" applyFont="1" applyFill="1" applyBorder="1"/>
    <xf numFmtId="0" fontId="31" fillId="2" borderId="12" xfId="0" applyNumberFormat="1" applyFont="1" applyFill="1" applyBorder="1" applyAlignment="1">
      <alignment horizontal="right" vertical="center" wrapText="1"/>
    </xf>
    <xf numFmtId="0" fontId="31" fillId="2" borderId="12" xfId="0" applyNumberFormat="1" applyFont="1" applyFill="1" applyBorder="1" applyAlignment="1">
      <alignment horizontal="center" vertical="top"/>
    </xf>
    <xf numFmtId="0" fontId="31" fillId="2" borderId="12" xfId="0" applyNumberFormat="1" applyFont="1" applyFill="1" applyBorder="1" applyAlignment="1">
      <alignment horizontal="left" vertical="center" wrapText="1"/>
    </xf>
    <xf numFmtId="0" fontId="31" fillId="2" borderId="12" xfId="0" applyFont="1" applyFill="1" applyBorder="1" applyAlignment="1">
      <alignment horizontal="center"/>
    </xf>
    <xf numFmtId="0" fontId="27" fillId="0" borderId="0" xfId="0" applyNumberFormat="1" applyFont="1" applyFill="1" applyBorder="1" applyAlignment="1">
      <alignment vertical="top" wrapText="1"/>
    </xf>
    <xf numFmtId="0" fontId="31" fillId="0" borderId="0" xfId="0" applyNumberFormat="1" applyFont="1" applyFill="1" applyBorder="1" applyAlignment="1">
      <alignment vertical="center"/>
    </xf>
    <xf numFmtId="49" fontId="20" fillId="2" borderId="0" xfId="0" applyNumberFormat="1" applyFont="1" applyFill="1" applyBorder="1" applyAlignment="1">
      <alignment vertical="top"/>
    </xf>
    <xf numFmtId="0" fontId="31" fillId="3" borderId="0" xfId="0" applyNumberFormat="1" applyFont="1" applyFill="1" applyBorder="1" applyAlignment="1">
      <alignment horizontal="left" vertical="top"/>
    </xf>
    <xf numFmtId="0" fontId="31" fillId="0" borderId="0" xfId="0" applyFont="1" applyBorder="1"/>
    <xf numFmtId="0" fontId="31" fillId="2" borderId="0" xfId="0" applyNumberFormat="1" applyFont="1" applyFill="1" applyBorder="1" applyAlignment="1">
      <alignment horizontal="left" vertical="center"/>
    </xf>
    <xf numFmtId="0" fontId="19" fillId="2" borderId="0" xfId="2" applyFont="1" applyFill="1">
      <alignment vertical="center"/>
    </xf>
    <xf numFmtId="0" fontId="9" fillId="0" borderId="164" xfId="0" applyNumberFormat="1" applyFont="1" applyFill="1" applyBorder="1" applyAlignment="1">
      <alignment vertical="center"/>
    </xf>
    <xf numFmtId="0" fontId="31" fillId="0" borderId="13" xfId="0" applyNumberFormat="1" applyFont="1" applyFill="1" applyBorder="1" applyAlignment="1">
      <alignment vertical="center"/>
    </xf>
    <xf numFmtId="0" fontId="31" fillId="0" borderId="136" xfId="0" applyNumberFormat="1" applyFont="1" applyFill="1" applyBorder="1" applyAlignment="1">
      <alignment vertical="center"/>
    </xf>
    <xf numFmtId="0" fontId="37" fillId="0" borderId="31" xfId="0" applyNumberFormat="1" applyFont="1" applyFill="1" applyBorder="1" applyAlignment="1">
      <alignment vertical="center"/>
    </xf>
    <xf numFmtId="0" fontId="37" fillId="0" borderId="32" xfId="0" applyNumberFormat="1" applyFont="1" applyFill="1" applyBorder="1" applyAlignment="1">
      <alignment vertical="center"/>
    </xf>
    <xf numFmtId="0" fontId="37" fillId="0" borderId="25" xfId="0" applyNumberFormat="1" applyFont="1" applyFill="1" applyBorder="1" applyAlignment="1">
      <alignment vertical="center"/>
    </xf>
    <xf numFmtId="0" fontId="37" fillId="0" borderId="29" xfId="0" applyNumberFormat="1" applyFont="1" applyFill="1" applyBorder="1" applyAlignment="1">
      <alignment vertical="center"/>
    </xf>
    <xf numFmtId="0" fontId="31" fillId="0" borderId="120" xfId="0" applyNumberFormat="1" applyFont="1" applyFill="1" applyBorder="1" applyAlignment="1">
      <alignment vertical="center"/>
    </xf>
    <xf numFmtId="0" fontId="31" fillId="0" borderId="123" xfId="0" applyNumberFormat="1" applyFont="1" applyFill="1" applyBorder="1" applyAlignment="1">
      <alignment vertical="center"/>
    </xf>
    <xf numFmtId="0" fontId="9" fillId="2" borderId="0" xfId="0" applyFont="1" applyFill="1" applyBorder="1" applyAlignment="1">
      <alignment horizontal="center" vertical="center"/>
    </xf>
    <xf numFmtId="0" fontId="31" fillId="3" borderId="0" xfId="0" applyNumberFormat="1" applyFont="1" applyFill="1" applyBorder="1" applyAlignment="1">
      <alignment horizontal="center" vertical="center"/>
    </xf>
    <xf numFmtId="0" fontId="31" fillId="2" borderId="0" xfId="0" applyNumberFormat="1" applyFont="1" applyFill="1" applyBorder="1" applyAlignment="1">
      <alignment horizontal="center" vertical="center"/>
    </xf>
    <xf numFmtId="0" fontId="31" fillId="2" borderId="0" xfId="0" applyNumberFormat="1" applyFont="1" applyFill="1" applyBorder="1" applyAlignment="1">
      <alignment horizontal="center" vertical="center" wrapText="1"/>
    </xf>
    <xf numFmtId="49" fontId="31" fillId="2" borderId="0" xfId="0" applyNumberFormat="1" applyFont="1" applyFill="1" applyBorder="1" applyAlignment="1">
      <alignment horizontal="center" vertical="center"/>
    </xf>
    <xf numFmtId="0" fontId="33" fillId="2" borderId="0" xfId="0" applyFont="1" applyFill="1" applyBorder="1"/>
    <xf numFmtId="0" fontId="31" fillId="2" borderId="0" xfId="0" applyNumberFormat="1" applyFont="1" applyFill="1" applyBorder="1" applyAlignment="1">
      <alignment horizontal="right" vertical="center" wrapText="1"/>
    </xf>
    <xf numFmtId="0" fontId="31" fillId="2" borderId="0" xfId="0" applyNumberFormat="1" applyFont="1" applyFill="1" applyBorder="1" applyAlignment="1">
      <alignment horizontal="center" vertical="top"/>
    </xf>
    <xf numFmtId="0" fontId="31" fillId="2" borderId="0" xfId="0" applyNumberFormat="1" applyFont="1" applyFill="1" applyBorder="1" applyAlignment="1">
      <alignment horizontal="left" vertical="center" wrapText="1"/>
    </xf>
    <xf numFmtId="0" fontId="31" fillId="2" borderId="0" xfId="0" applyFont="1" applyFill="1" applyBorder="1" applyAlignment="1">
      <alignment horizontal="center"/>
    </xf>
    <xf numFmtId="0" fontId="31" fillId="2" borderId="18" xfId="0" applyNumberFormat="1" applyFont="1" applyFill="1" applyBorder="1" applyAlignment="1">
      <alignment horizontal="center" vertical="center" wrapText="1"/>
    </xf>
    <xf numFmtId="0" fontId="31" fillId="2" borderId="19" xfId="0" applyNumberFormat="1" applyFont="1" applyFill="1" applyBorder="1" applyAlignment="1">
      <alignment horizontal="center" vertical="center"/>
    </xf>
    <xf numFmtId="49" fontId="31" fillId="2" borderId="19" xfId="0" applyNumberFormat="1" applyFont="1" applyFill="1" applyBorder="1" applyAlignment="1">
      <alignment horizontal="center" vertical="center"/>
    </xf>
    <xf numFmtId="0" fontId="33" fillId="2" borderId="19" xfId="0" applyFont="1" applyFill="1" applyBorder="1"/>
    <xf numFmtId="0" fontId="31" fillId="2" borderId="19" xfId="0" applyNumberFormat="1" applyFont="1" applyFill="1" applyBorder="1" applyAlignment="1">
      <alignment horizontal="right" vertical="center" wrapText="1"/>
    </xf>
    <xf numFmtId="0" fontId="31" fillId="2" borderId="19" xfId="0" applyNumberFormat="1" applyFont="1" applyFill="1" applyBorder="1" applyAlignment="1">
      <alignment horizontal="center" vertical="top"/>
    </xf>
    <xf numFmtId="0" fontId="31" fillId="2" borderId="19" xfId="0" applyNumberFormat="1" applyFont="1" applyFill="1" applyBorder="1" applyAlignment="1">
      <alignment horizontal="left" vertical="center" wrapText="1"/>
    </xf>
    <xf numFmtId="0" fontId="31" fillId="2" borderId="19" xfId="0" applyNumberFormat="1" applyFont="1" applyFill="1" applyBorder="1" applyAlignment="1">
      <alignment horizontal="center" vertical="center" wrapText="1"/>
    </xf>
    <xf numFmtId="0" fontId="31" fillId="2" borderId="19" xfId="0" applyFont="1" applyFill="1" applyBorder="1" applyAlignment="1">
      <alignment horizontal="center"/>
    </xf>
    <xf numFmtId="0" fontId="31" fillId="2" borderId="20" xfId="0" applyNumberFormat="1" applyFont="1" applyFill="1" applyBorder="1" applyAlignment="1">
      <alignment horizontal="center" vertical="top"/>
    </xf>
    <xf numFmtId="0" fontId="46" fillId="0" borderId="13" xfId="0" applyNumberFormat="1" applyFont="1" applyFill="1" applyBorder="1" applyAlignment="1">
      <alignment vertical="center"/>
    </xf>
    <xf numFmtId="0" fontId="61" fillId="3" borderId="0" xfId="0" applyNumberFormat="1" applyFont="1" applyFill="1" applyBorder="1" applyAlignment="1">
      <alignment vertical="top"/>
    </xf>
    <xf numFmtId="0" fontId="10" fillId="0" borderId="36" xfId="0" applyNumberFormat="1" applyFont="1" applyFill="1" applyBorder="1" applyAlignment="1">
      <alignment horizontal="center" vertical="center"/>
    </xf>
    <xf numFmtId="0" fontId="10" fillId="0" borderId="37" xfId="0" applyNumberFormat="1" applyFont="1" applyFill="1" applyBorder="1" applyAlignment="1">
      <alignment horizontal="center" vertical="center"/>
    </xf>
    <xf numFmtId="0" fontId="10" fillId="0" borderId="38" xfId="0" applyNumberFormat="1" applyFont="1" applyFill="1" applyBorder="1" applyAlignment="1">
      <alignment horizontal="center" vertical="center"/>
    </xf>
    <xf numFmtId="0" fontId="10" fillId="4" borderId="39" xfId="0" applyNumberFormat="1" applyFont="1" applyFill="1" applyBorder="1" applyAlignment="1">
      <alignment horizontal="center" vertical="center" wrapText="1"/>
    </xf>
    <xf numFmtId="0" fontId="10" fillId="4" borderId="31" xfId="0" applyNumberFormat="1" applyFont="1" applyFill="1" applyBorder="1" applyAlignment="1">
      <alignment horizontal="center" vertical="center" wrapText="1"/>
    </xf>
    <xf numFmtId="0" fontId="10" fillId="4" borderId="9" xfId="0" applyNumberFormat="1" applyFont="1" applyFill="1" applyBorder="1" applyAlignment="1">
      <alignment horizontal="center" vertical="center" wrapText="1"/>
    </xf>
    <xf numFmtId="0" fontId="10" fillId="4" borderId="0" xfId="0" applyNumberFormat="1" applyFont="1" applyFill="1" applyBorder="1" applyAlignment="1">
      <alignment horizontal="center" vertical="center" wrapText="1"/>
    </xf>
    <xf numFmtId="0" fontId="10" fillId="4" borderId="11" xfId="0" applyNumberFormat="1" applyFont="1" applyFill="1" applyBorder="1" applyAlignment="1">
      <alignment horizontal="center" vertical="center" wrapText="1"/>
    </xf>
    <xf numFmtId="0" fontId="10" fillId="4" borderId="12" xfId="0" applyNumberFormat="1" applyFont="1" applyFill="1" applyBorder="1" applyAlignment="1">
      <alignment horizontal="center" vertical="center" wrapText="1"/>
    </xf>
    <xf numFmtId="49" fontId="10" fillId="4" borderId="40" xfId="0" applyNumberFormat="1" applyFont="1" applyFill="1" applyBorder="1" applyAlignment="1">
      <alignment horizontal="center" vertical="center"/>
    </xf>
    <xf numFmtId="49" fontId="10" fillId="4" borderId="41" xfId="0" applyNumberFormat="1" applyFont="1" applyFill="1" applyBorder="1" applyAlignment="1">
      <alignment horizontal="center" vertical="center"/>
    </xf>
    <xf numFmtId="49" fontId="10" fillId="4" borderId="42" xfId="0" applyNumberFormat="1" applyFont="1" applyFill="1" applyBorder="1" applyAlignment="1">
      <alignment horizontal="center" vertical="center"/>
    </xf>
    <xf numFmtId="0" fontId="4" fillId="4" borderId="40" xfId="0" applyNumberFormat="1" applyFont="1" applyFill="1" applyBorder="1" applyAlignment="1">
      <alignment horizontal="center" vertical="center" wrapText="1"/>
    </xf>
    <xf numFmtId="0" fontId="4" fillId="4" borderId="41" xfId="0" applyNumberFormat="1" applyFont="1" applyFill="1" applyBorder="1" applyAlignment="1">
      <alignment horizontal="center" vertical="center" wrapText="1"/>
    </xf>
    <xf numFmtId="0" fontId="4" fillId="4" borderId="42" xfId="0" applyNumberFormat="1" applyFont="1" applyFill="1" applyBorder="1" applyAlignment="1">
      <alignment horizontal="center" vertical="center" wrapText="1"/>
    </xf>
    <xf numFmtId="0" fontId="10" fillId="4" borderId="40" xfId="0" applyNumberFormat="1" applyFont="1" applyFill="1" applyBorder="1" applyAlignment="1">
      <alignment horizontal="center" vertical="center"/>
    </xf>
    <xf numFmtId="0" fontId="10" fillId="4" borderId="41" xfId="0" applyNumberFormat="1" applyFont="1" applyFill="1" applyBorder="1" applyAlignment="1">
      <alignment horizontal="center" vertical="center"/>
    </xf>
    <xf numFmtId="0" fontId="10" fillId="4" borderId="42" xfId="0" applyNumberFormat="1" applyFont="1" applyFill="1" applyBorder="1" applyAlignment="1">
      <alignment horizontal="center" vertical="center"/>
    </xf>
    <xf numFmtId="0" fontId="10" fillId="4" borderId="43" xfId="0" applyNumberFormat="1" applyFont="1" applyFill="1" applyBorder="1" applyAlignment="1">
      <alignment horizontal="center" vertical="center"/>
    </xf>
    <xf numFmtId="0" fontId="10" fillId="4" borderId="31" xfId="0" applyNumberFormat="1" applyFont="1" applyFill="1" applyBorder="1" applyAlignment="1">
      <alignment horizontal="center" vertical="center"/>
    </xf>
    <xf numFmtId="0" fontId="10" fillId="4" borderId="22" xfId="0" applyNumberFormat="1" applyFont="1" applyFill="1" applyBorder="1" applyAlignment="1">
      <alignment horizontal="center" vertical="center"/>
    </xf>
    <xf numFmtId="0" fontId="10" fillId="4" borderId="8" xfId="0" applyNumberFormat="1" applyFont="1" applyFill="1" applyBorder="1" applyAlignment="1">
      <alignment horizontal="center" vertical="center"/>
    </xf>
    <xf numFmtId="0" fontId="10" fillId="4" borderId="0" xfId="0" applyNumberFormat="1" applyFont="1" applyFill="1" applyBorder="1" applyAlignment="1">
      <alignment horizontal="center" vertical="center"/>
    </xf>
    <xf numFmtId="0" fontId="10" fillId="4" borderId="7" xfId="0" applyNumberFormat="1" applyFont="1" applyFill="1" applyBorder="1" applyAlignment="1">
      <alignment horizontal="center" vertical="center"/>
    </xf>
    <xf numFmtId="0" fontId="10" fillId="4" borderId="14" xfId="0" applyNumberFormat="1" applyFont="1" applyFill="1" applyBorder="1" applyAlignment="1">
      <alignment horizontal="center" vertical="center"/>
    </xf>
    <xf numFmtId="0" fontId="10" fillId="4" borderId="12" xfId="0" applyNumberFormat="1" applyFont="1" applyFill="1" applyBorder="1" applyAlignment="1">
      <alignment horizontal="center" vertical="center"/>
    </xf>
    <xf numFmtId="0" fontId="10" fillId="4" borderId="15" xfId="0" applyNumberFormat="1" applyFont="1" applyFill="1" applyBorder="1" applyAlignment="1">
      <alignment horizontal="center" vertical="center"/>
    </xf>
    <xf numFmtId="0" fontId="17" fillId="0" borderId="43" xfId="0" applyNumberFormat="1" applyFont="1" applyFill="1" applyBorder="1" applyAlignment="1">
      <alignment horizontal="left" vertical="top" wrapText="1"/>
    </xf>
    <xf numFmtId="0" fontId="17" fillId="0" borderId="31" xfId="0" applyNumberFormat="1" applyFont="1" applyFill="1" applyBorder="1" applyAlignment="1">
      <alignment horizontal="left" vertical="top" wrapText="1"/>
    </xf>
    <xf numFmtId="0" fontId="17" fillId="0" borderId="44" xfId="0" applyNumberFormat="1" applyFont="1" applyFill="1" applyBorder="1" applyAlignment="1">
      <alignment horizontal="left" vertical="top" wrapText="1"/>
    </xf>
    <xf numFmtId="0" fontId="17" fillId="0" borderId="8" xfId="0" applyNumberFormat="1" applyFont="1" applyFill="1" applyBorder="1" applyAlignment="1">
      <alignment horizontal="left" vertical="top" wrapText="1"/>
    </xf>
    <xf numFmtId="0" fontId="17" fillId="0" borderId="0" xfId="0" applyNumberFormat="1" applyFont="1" applyFill="1" applyBorder="1" applyAlignment="1">
      <alignment horizontal="left" vertical="top" wrapText="1"/>
    </xf>
    <xf numFmtId="0" fontId="17" fillId="0" borderId="10" xfId="0" applyNumberFormat="1" applyFont="1" applyFill="1" applyBorder="1" applyAlignment="1">
      <alignment horizontal="left" vertical="top" wrapText="1"/>
    </xf>
    <xf numFmtId="0" fontId="17" fillId="0" borderId="14" xfId="0" applyNumberFormat="1" applyFont="1" applyFill="1" applyBorder="1" applyAlignment="1">
      <alignment horizontal="left" vertical="top" wrapText="1"/>
    </xf>
    <xf numFmtId="0" fontId="17" fillId="0" borderId="12" xfId="0" applyNumberFormat="1" applyFont="1" applyFill="1" applyBorder="1" applyAlignment="1">
      <alignment horizontal="left" vertical="top" wrapText="1"/>
    </xf>
    <xf numFmtId="0" fontId="17" fillId="0" borderId="21" xfId="0" applyNumberFormat="1" applyFont="1" applyFill="1" applyBorder="1" applyAlignment="1">
      <alignment horizontal="left" vertical="top" wrapText="1"/>
    </xf>
    <xf numFmtId="49" fontId="10" fillId="0" borderId="36" xfId="0" applyNumberFormat="1" applyFont="1" applyFill="1" applyBorder="1" applyAlignment="1">
      <alignment horizontal="center" vertical="center"/>
    </xf>
    <xf numFmtId="49" fontId="10" fillId="0" borderId="37" xfId="0" applyNumberFormat="1" applyFont="1" applyFill="1" applyBorder="1" applyAlignment="1">
      <alignment horizontal="center" vertical="center"/>
    </xf>
    <xf numFmtId="49" fontId="10" fillId="0" borderId="38" xfId="0" applyNumberFormat="1" applyFont="1" applyFill="1" applyBorder="1" applyAlignment="1">
      <alignment horizontal="center" vertical="center"/>
    </xf>
    <xf numFmtId="0" fontId="10" fillId="2" borderId="45" xfId="0" applyNumberFormat="1" applyFont="1" applyFill="1" applyBorder="1" applyAlignment="1">
      <alignment horizontal="center" vertical="center" wrapText="1"/>
    </xf>
    <xf numFmtId="0" fontId="10" fillId="2" borderId="46" xfId="0" applyNumberFormat="1" applyFont="1" applyFill="1" applyBorder="1" applyAlignment="1">
      <alignment horizontal="center" vertical="center" wrapText="1"/>
    </xf>
    <xf numFmtId="0" fontId="10" fillId="2" borderId="47" xfId="0" applyNumberFormat="1" applyFont="1" applyFill="1" applyBorder="1" applyAlignment="1">
      <alignment horizontal="center" vertical="center" wrapText="1"/>
    </xf>
    <xf numFmtId="0" fontId="4" fillId="0" borderId="36" xfId="0" applyNumberFormat="1" applyFont="1" applyFill="1" applyBorder="1" applyAlignment="1">
      <alignment horizontal="center" vertical="center" wrapText="1"/>
    </xf>
    <xf numFmtId="0" fontId="4" fillId="0" borderId="37" xfId="0" applyNumberFormat="1" applyFont="1" applyFill="1" applyBorder="1" applyAlignment="1">
      <alignment horizontal="center" vertical="center" wrapText="1"/>
    </xf>
    <xf numFmtId="0" fontId="4" fillId="0" borderId="38" xfId="0" applyNumberFormat="1" applyFont="1" applyFill="1" applyBorder="1" applyAlignment="1">
      <alignment horizontal="center" vertical="center" wrapText="1"/>
    </xf>
    <xf numFmtId="0" fontId="10" fillId="4" borderId="39" xfId="0" applyNumberFormat="1" applyFont="1" applyFill="1" applyBorder="1" applyAlignment="1">
      <alignment horizontal="center" vertical="center"/>
    </xf>
    <xf numFmtId="0" fontId="10" fillId="4" borderId="9" xfId="0" applyNumberFormat="1" applyFont="1" applyFill="1" applyBorder="1" applyAlignment="1">
      <alignment horizontal="center" vertical="center"/>
    </xf>
    <xf numFmtId="0" fontId="10" fillId="4" borderId="72" xfId="0" applyNumberFormat="1" applyFont="1" applyFill="1" applyBorder="1" applyAlignment="1">
      <alignment horizontal="center" vertical="center"/>
    </xf>
    <xf numFmtId="0" fontId="10" fillId="4" borderId="5" xfId="0" applyNumberFormat="1" applyFont="1" applyFill="1" applyBorder="1" applyAlignment="1">
      <alignment horizontal="center" vertical="center"/>
    </xf>
    <xf numFmtId="0" fontId="10" fillId="4" borderId="6" xfId="0" applyNumberFormat="1" applyFont="1" applyFill="1" applyBorder="1" applyAlignment="1">
      <alignment horizontal="center" vertical="center"/>
    </xf>
    <xf numFmtId="0" fontId="10" fillId="4" borderId="43" xfId="0" applyNumberFormat="1" applyFont="1" applyFill="1" applyBorder="1" applyAlignment="1">
      <alignment horizontal="center" vertical="center" wrapText="1" shrinkToFit="1"/>
    </xf>
    <xf numFmtId="0" fontId="10" fillId="4" borderId="31" xfId="0" applyNumberFormat="1" applyFont="1" applyFill="1" applyBorder="1" applyAlignment="1">
      <alignment horizontal="center" vertical="center" wrapText="1" shrinkToFit="1"/>
    </xf>
    <xf numFmtId="0" fontId="10" fillId="4" borderId="22" xfId="0" applyNumberFormat="1" applyFont="1" applyFill="1" applyBorder="1" applyAlignment="1">
      <alignment horizontal="center" vertical="center" wrapText="1" shrinkToFit="1"/>
    </xf>
    <xf numFmtId="0" fontId="10" fillId="4" borderId="8" xfId="0" applyNumberFormat="1" applyFont="1" applyFill="1" applyBorder="1" applyAlignment="1">
      <alignment horizontal="center" vertical="center" wrapText="1" shrinkToFit="1"/>
    </xf>
    <xf numFmtId="0" fontId="10" fillId="4" borderId="0" xfId="0" applyNumberFormat="1" applyFont="1" applyFill="1" applyBorder="1" applyAlignment="1">
      <alignment horizontal="center" vertical="center" wrapText="1" shrinkToFit="1"/>
    </xf>
    <xf numFmtId="0" fontId="10" fillId="4" borderId="7" xfId="0" applyNumberFormat="1" applyFont="1" applyFill="1" applyBorder="1" applyAlignment="1">
      <alignment horizontal="center" vertical="center" wrapText="1" shrinkToFit="1"/>
    </xf>
    <xf numFmtId="0" fontId="10" fillId="4" borderId="4" xfId="0" applyNumberFormat="1" applyFont="1" applyFill="1" applyBorder="1" applyAlignment="1">
      <alignment horizontal="center" vertical="center" wrapText="1" shrinkToFit="1"/>
    </xf>
    <xf numFmtId="0" fontId="10" fillId="4" borderId="5" xfId="0" applyNumberFormat="1" applyFont="1" applyFill="1" applyBorder="1" applyAlignment="1">
      <alignment horizontal="center" vertical="center" wrapText="1" shrinkToFit="1"/>
    </xf>
    <xf numFmtId="0" fontId="10" fillId="4" borderId="6" xfId="0" applyNumberFormat="1" applyFont="1" applyFill="1" applyBorder="1" applyAlignment="1">
      <alignment horizontal="center" vertical="center" wrapText="1" shrinkToFit="1"/>
    </xf>
    <xf numFmtId="0" fontId="10" fillId="4" borderId="43" xfId="0" applyNumberFormat="1" applyFont="1" applyFill="1" applyBorder="1" applyAlignment="1">
      <alignment horizontal="center" vertical="center" wrapText="1"/>
    </xf>
    <xf numFmtId="0" fontId="10" fillId="4" borderId="22" xfId="0" applyNumberFormat="1" applyFont="1" applyFill="1" applyBorder="1" applyAlignment="1">
      <alignment horizontal="center" vertical="center" wrapText="1"/>
    </xf>
    <xf numFmtId="0" fontId="10" fillId="4" borderId="8" xfId="0" applyNumberFormat="1" applyFont="1" applyFill="1" applyBorder="1" applyAlignment="1">
      <alignment horizontal="center" vertical="center" wrapText="1"/>
    </xf>
    <xf numFmtId="0" fontId="10" fillId="4" borderId="7" xfId="0" applyNumberFormat="1" applyFont="1" applyFill="1" applyBorder="1" applyAlignment="1">
      <alignment horizontal="center" vertical="center" wrapText="1"/>
    </xf>
    <xf numFmtId="0" fontId="10" fillId="4" borderId="54" xfId="0" applyNumberFormat="1" applyFont="1" applyFill="1" applyBorder="1" applyAlignment="1">
      <alignment horizontal="center" vertical="center" wrapText="1"/>
    </xf>
    <xf numFmtId="0" fontId="10" fillId="4" borderId="25" xfId="0" applyNumberFormat="1" applyFont="1" applyFill="1" applyBorder="1" applyAlignment="1">
      <alignment horizontal="center" vertical="center" wrapText="1"/>
    </xf>
    <xf numFmtId="0" fontId="10" fillId="4" borderId="62" xfId="0" applyNumberFormat="1" applyFont="1" applyFill="1" applyBorder="1" applyAlignment="1">
      <alignment horizontal="center" vertical="center" wrapText="1"/>
    </xf>
    <xf numFmtId="0" fontId="4" fillId="0" borderId="43" xfId="0" applyNumberFormat="1" applyFont="1" applyFill="1" applyBorder="1" applyAlignment="1">
      <alignment horizontal="right" vertical="center" wrapText="1"/>
    </xf>
    <xf numFmtId="0" fontId="4" fillId="0" borderId="31" xfId="0" applyNumberFormat="1" applyFont="1" applyFill="1" applyBorder="1" applyAlignment="1">
      <alignment horizontal="right" vertical="center" wrapText="1"/>
    </xf>
    <xf numFmtId="0" fontId="4" fillId="0" borderId="22" xfId="0" applyNumberFormat="1" applyFont="1" applyFill="1" applyBorder="1" applyAlignment="1">
      <alignment horizontal="right" vertical="center" wrapText="1"/>
    </xf>
    <xf numFmtId="0" fontId="4" fillId="0" borderId="8" xfId="0" applyNumberFormat="1" applyFont="1" applyFill="1" applyBorder="1" applyAlignment="1">
      <alignment horizontal="right" vertical="center" wrapText="1"/>
    </xf>
    <xf numFmtId="0" fontId="4" fillId="0" borderId="0" xfId="0" applyNumberFormat="1" applyFont="1" applyFill="1" applyBorder="1" applyAlignment="1">
      <alignment horizontal="right" vertical="center" wrapText="1"/>
    </xf>
    <xf numFmtId="0" fontId="4" fillId="0" borderId="7" xfId="0" applyNumberFormat="1" applyFont="1" applyFill="1" applyBorder="1" applyAlignment="1">
      <alignment horizontal="right" vertical="center" wrapText="1"/>
    </xf>
    <xf numFmtId="0" fontId="4" fillId="0" borderId="54" xfId="0" applyNumberFormat="1" applyFont="1" applyFill="1" applyBorder="1" applyAlignment="1">
      <alignment horizontal="right" vertical="center" wrapText="1"/>
    </xf>
    <xf numFmtId="0" fontId="4" fillId="0" borderId="25" xfId="0" applyNumberFormat="1" applyFont="1" applyFill="1" applyBorder="1" applyAlignment="1">
      <alignment horizontal="right" vertical="center" wrapText="1"/>
    </xf>
    <xf numFmtId="0" fontId="4" fillId="0" borderId="62" xfId="0" applyNumberFormat="1" applyFont="1" applyFill="1" applyBorder="1" applyAlignment="1">
      <alignment horizontal="right" vertical="center" wrapText="1"/>
    </xf>
    <xf numFmtId="0" fontId="10" fillId="0" borderId="9" xfId="0" applyNumberFormat="1" applyFont="1" applyBorder="1" applyAlignment="1">
      <alignment horizontal="center" vertical="center" wrapText="1"/>
    </xf>
    <xf numFmtId="0" fontId="10" fillId="0" borderId="0" xfId="0" applyNumberFormat="1" applyFont="1" applyBorder="1" applyAlignment="1">
      <alignment horizontal="center" vertical="center" wrapText="1"/>
    </xf>
    <xf numFmtId="0" fontId="10" fillId="0" borderId="7" xfId="0" applyNumberFormat="1" applyFont="1" applyBorder="1" applyAlignment="1">
      <alignment horizontal="center" vertical="center" wrapText="1"/>
    </xf>
    <xf numFmtId="0" fontId="10" fillId="0" borderId="73" xfId="0" applyNumberFormat="1" applyFont="1" applyBorder="1" applyAlignment="1">
      <alignment horizontal="center" vertical="center" wrapText="1"/>
    </xf>
    <xf numFmtId="0" fontId="10" fillId="0" borderId="25" xfId="0" applyNumberFormat="1" applyFont="1" applyBorder="1" applyAlignment="1">
      <alignment horizontal="center" vertical="center" wrapText="1"/>
    </xf>
    <xf numFmtId="0" fontId="10" fillId="0" borderId="62" xfId="0" applyNumberFormat="1" applyFont="1" applyBorder="1" applyAlignment="1">
      <alignment horizontal="center" vertical="center" wrapText="1"/>
    </xf>
    <xf numFmtId="0" fontId="10" fillId="0" borderId="54" xfId="0" applyNumberFormat="1" applyFont="1" applyFill="1" applyBorder="1" applyAlignment="1">
      <alignment horizontal="center" vertical="center" wrapText="1"/>
    </xf>
    <xf numFmtId="0" fontId="10" fillId="0" borderId="25" xfId="0" applyNumberFormat="1" applyFont="1" applyFill="1" applyBorder="1" applyAlignment="1">
      <alignment horizontal="center" vertical="center" wrapText="1"/>
    </xf>
    <xf numFmtId="0" fontId="10" fillId="0" borderId="29" xfId="0" applyNumberFormat="1" applyFont="1" applyFill="1" applyBorder="1" applyAlignment="1">
      <alignment horizontal="center" vertical="center" wrapText="1"/>
    </xf>
    <xf numFmtId="0" fontId="4" fillId="2" borderId="1" xfId="0" applyNumberFormat="1" applyFont="1" applyFill="1" applyBorder="1" applyAlignment="1">
      <alignment horizontal="center" vertical="center" wrapText="1"/>
    </xf>
    <xf numFmtId="0" fontId="4" fillId="2" borderId="2" xfId="0" applyNumberFormat="1" applyFont="1" applyFill="1" applyBorder="1" applyAlignment="1">
      <alignment horizontal="center" vertical="center" wrapText="1"/>
    </xf>
    <xf numFmtId="0" fontId="4" fillId="2" borderId="3" xfId="0" applyNumberFormat="1" applyFont="1" applyFill="1" applyBorder="1" applyAlignment="1">
      <alignment horizontal="center" vertical="center" wrapText="1"/>
    </xf>
    <xf numFmtId="0" fontId="4" fillId="2" borderId="8" xfId="0" applyNumberFormat="1" applyFont="1" applyFill="1" applyBorder="1" applyAlignment="1">
      <alignment horizontal="center" vertical="center" wrapText="1"/>
    </xf>
    <xf numFmtId="0" fontId="4" fillId="2" borderId="0" xfId="0" applyNumberFormat="1" applyFont="1" applyFill="1" applyBorder="1" applyAlignment="1">
      <alignment horizontal="center" vertical="center" wrapText="1"/>
    </xf>
    <xf numFmtId="0" fontId="4" fillId="2" borderId="7" xfId="0" applyNumberFormat="1" applyFont="1" applyFill="1" applyBorder="1" applyAlignment="1">
      <alignment horizontal="center" vertical="center" wrapText="1"/>
    </xf>
    <xf numFmtId="0" fontId="4" fillId="2" borderId="54" xfId="0" applyNumberFormat="1" applyFont="1" applyFill="1" applyBorder="1" applyAlignment="1">
      <alignment horizontal="center" vertical="center" wrapText="1"/>
    </xf>
    <xf numFmtId="0" fontId="4" fillId="2" borderId="25" xfId="0" applyNumberFormat="1" applyFont="1" applyFill="1" applyBorder="1" applyAlignment="1">
      <alignment horizontal="center" vertical="center" wrapText="1"/>
    </xf>
    <xf numFmtId="0" fontId="4" fillId="2" borderId="62" xfId="0" applyNumberFormat="1" applyFont="1" applyFill="1" applyBorder="1" applyAlignment="1">
      <alignment horizontal="center" vertical="center" wrapText="1"/>
    </xf>
    <xf numFmtId="0" fontId="10" fillId="4" borderId="70" xfId="0" applyNumberFormat="1" applyFont="1" applyFill="1" applyBorder="1" applyAlignment="1">
      <alignment horizontal="center" vertical="center" wrapText="1"/>
    </xf>
    <xf numFmtId="0" fontId="10" fillId="4" borderId="71" xfId="0" applyNumberFormat="1" applyFont="1" applyFill="1" applyBorder="1" applyAlignment="1">
      <alignment horizontal="center" vertical="center" wrapText="1"/>
    </xf>
    <xf numFmtId="0" fontId="10" fillId="2" borderId="49" xfId="0" applyNumberFormat="1" applyFont="1" applyFill="1" applyBorder="1" applyAlignment="1">
      <alignment horizontal="center" vertical="center"/>
    </xf>
    <xf numFmtId="0" fontId="10" fillId="2" borderId="51" xfId="0" applyNumberFormat="1" applyFont="1" applyFill="1" applyBorder="1" applyAlignment="1">
      <alignment horizontal="center" vertical="center"/>
    </xf>
    <xf numFmtId="0" fontId="10" fillId="2" borderId="53" xfId="0" applyNumberFormat="1" applyFont="1" applyFill="1" applyBorder="1" applyAlignment="1">
      <alignment horizontal="center" vertical="center"/>
    </xf>
    <xf numFmtId="0" fontId="10" fillId="2" borderId="48" xfId="0" applyNumberFormat="1" applyFont="1" applyFill="1" applyBorder="1" applyAlignment="1">
      <alignment horizontal="center" vertical="center"/>
    </xf>
    <xf numFmtId="0" fontId="10" fillId="2" borderId="50" xfId="0" applyNumberFormat="1" applyFont="1" applyFill="1" applyBorder="1" applyAlignment="1">
      <alignment horizontal="center" vertical="center"/>
    </xf>
    <xf numFmtId="0" fontId="10" fillId="2" borderId="52" xfId="0" applyNumberFormat="1" applyFont="1" applyFill="1" applyBorder="1" applyAlignment="1">
      <alignment horizontal="center" vertical="center"/>
    </xf>
    <xf numFmtId="0" fontId="10" fillId="4" borderId="4" xfId="0" applyNumberFormat="1" applyFont="1" applyFill="1" applyBorder="1" applyAlignment="1">
      <alignment horizontal="center" vertical="center"/>
    </xf>
    <xf numFmtId="49" fontId="10" fillId="0" borderId="55" xfId="0" applyNumberFormat="1" applyFont="1" applyBorder="1" applyAlignment="1">
      <alignment horizontal="center" vertical="center"/>
    </xf>
    <xf numFmtId="49" fontId="10" fillId="0" borderId="56" xfId="0" applyNumberFormat="1" applyFont="1" applyBorder="1" applyAlignment="1">
      <alignment horizontal="center" vertical="center"/>
    </xf>
    <xf numFmtId="49" fontId="10" fillId="0" borderId="57" xfId="0" applyNumberFormat="1" applyFont="1" applyBorder="1" applyAlignment="1">
      <alignment horizontal="center" vertical="center"/>
    </xf>
    <xf numFmtId="0" fontId="10" fillId="4" borderId="4" xfId="0" applyNumberFormat="1" applyFont="1" applyFill="1" applyBorder="1" applyAlignment="1">
      <alignment horizontal="center" vertical="center" wrapText="1"/>
    </xf>
    <xf numFmtId="0" fontId="10" fillId="4" borderId="5" xfId="0" applyNumberFormat="1" applyFont="1" applyFill="1" applyBorder="1" applyAlignment="1">
      <alignment horizontal="center" vertical="center" wrapText="1"/>
    </xf>
    <xf numFmtId="0" fontId="10" fillId="4" borderId="6" xfId="0" applyNumberFormat="1" applyFont="1" applyFill="1" applyBorder="1" applyAlignment="1">
      <alignment horizontal="center" vertical="center" wrapText="1"/>
    </xf>
    <xf numFmtId="0" fontId="10" fillId="2" borderId="2" xfId="0" applyNumberFormat="1" applyFont="1" applyFill="1" applyBorder="1" applyAlignment="1">
      <alignment horizontal="center" vertical="center"/>
    </xf>
    <xf numFmtId="0" fontId="10" fillId="2" borderId="3" xfId="0" applyNumberFormat="1" applyFont="1" applyFill="1" applyBorder="1" applyAlignment="1">
      <alignment horizontal="center" vertical="center"/>
    </xf>
    <xf numFmtId="0" fontId="10" fillId="2" borderId="0" xfId="0" applyNumberFormat="1" applyFont="1" applyFill="1" applyBorder="1" applyAlignment="1">
      <alignment horizontal="center" vertical="center"/>
    </xf>
    <xf numFmtId="0" fontId="10" fillId="2" borderId="7" xfId="0" applyNumberFormat="1" applyFont="1" applyFill="1" applyBorder="1" applyAlignment="1">
      <alignment horizontal="center" vertical="center"/>
    </xf>
    <xf numFmtId="0" fontId="10" fillId="2" borderId="25" xfId="0" applyNumberFormat="1" applyFont="1" applyFill="1" applyBorder="1" applyAlignment="1">
      <alignment horizontal="center" vertical="center"/>
    </xf>
    <xf numFmtId="0" fontId="10" fillId="2" borderId="62" xfId="0" applyNumberFormat="1" applyFont="1" applyFill="1" applyBorder="1" applyAlignment="1">
      <alignment horizontal="center" vertical="center"/>
    </xf>
    <xf numFmtId="0" fontId="10" fillId="2" borderId="59" xfId="0" applyNumberFormat="1" applyFont="1" applyFill="1" applyBorder="1" applyAlignment="1">
      <alignment horizontal="center" vertical="center"/>
    </xf>
    <xf numFmtId="0" fontId="10" fillId="2" borderId="60" xfId="0" applyNumberFormat="1" applyFont="1" applyFill="1" applyBorder="1" applyAlignment="1">
      <alignment horizontal="center" vertical="center"/>
    </xf>
    <xf numFmtId="0" fontId="10" fillId="2" borderId="61" xfId="0" applyNumberFormat="1" applyFont="1" applyFill="1" applyBorder="1" applyAlignment="1">
      <alignment horizontal="center" vertical="center"/>
    </xf>
    <xf numFmtId="0" fontId="10" fillId="2" borderId="1" xfId="0" applyNumberFormat="1" applyFont="1" applyFill="1" applyBorder="1" applyAlignment="1">
      <alignment horizontal="center" vertical="center"/>
    </xf>
    <xf numFmtId="0" fontId="10" fillId="2" borderId="8" xfId="0" applyNumberFormat="1" applyFont="1" applyFill="1" applyBorder="1" applyAlignment="1">
      <alignment horizontal="center" vertical="center"/>
    </xf>
    <xf numFmtId="0" fontId="10" fillId="2" borderId="54" xfId="0" applyNumberFormat="1" applyFont="1" applyFill="1" applyBorder="1" applyAlignment="1">
      <alignment horizontal="center" vertical="center"/>
    </xf>
    <xf numFmtId="0" fontId="10" fillId="2" borderId="64" xfId="0" applyNumberFormat="1" applyFont="1" applyFill="1" applyBorder="1" applyAlignment="1">
      <alignment horizontal="center" vertical="center"/>
    </xf>
    <xf numFmtId="0" fontId="10" fillId="2" borderId="65" xfId="0" applyNumberFormat="1" applyFont="1" applyFill="1" applyBorder="1" applyAlignment="1">
      <alignment horizontal="center" vertical="center"/>
    </xf>
    <xf numFmtId="0" fontId="10" fillId="2" borderId="66" xfId="0" applyNumberFormat="1" applyFont="1" applyFill="1" applyBorder="1" applyAlignment="1">
      <alignment horizontal="center" vertical="center"/>
    </xf>
    <xf numFmtId="0" fontId="10" fillId="2" borderId="67" xfId="0" applyNumberFormat="1" applyFont="1" applyFill="1" applyBorder="1" applyAlignment="1">
      <alignment horizontal="center" vertical="center"/>
    </xf>
    <xf numFmtId="0" fontId="10" fillId="2" borderId="68" xfId="0" applyNumberFormat="1" applyFont="1" applyFill="1" applyBorder="1" applyAlignment="1">
      <alignment horizontal="center" vertical="center"/>
    </xf>
    <xf numFmtId="0" fontId="10" fillId="2" borderId="69" xfId="0" applyNumberFormat="1" applyFont="1" applyFill="1" applyBorder="1" applyAlignment="1">
      <alignment horizontal="center" vertical="center"/>
    </xf>
    <xf numFmtId="0" fontId="5" fillId="0" borderId="74" xfId="0" applyNumberFormat="1" applyFont="1" applyFill="1" applyBorder="1" applyAlignment="1">
      <alignment horizontal="center" vertical="center"/>
    </xf>
    <xf numFmtId="0" fontId="5" fillId="0" borderId="23" xfId="0" applyNumberFormat="1" applyFont="1" applyFill="1" applyBorder="1" applyAlignment="1">
      <alignment horizontal="center" vertical="center"/>
    </xf>
    <xf numFmtId="0" fontId="5" fillId="0" borderId="35" xfId="0" applyNumberFormat="1" applyFont="1" applyFill="1" applyBorder="1" applyAlignment="1">
      <alignment horizontal="center" vertical="center"/>
    </xf>
    <xf numFmtId="0" fontId="5" fillId="0" borderId="36" xfId="0" applyNumberFormat="1" applyFont="1" applyFill="1" applyBorder="1" applyAlignment="1">
      <alignment horizontal="center" vertical="center"/>
    </xf>
    <xf numFmtId="0" fontId="5" fillId="0" borderId="75" xfId="0" applyNumberFormat="1" applyFont="1" applyFill="1" applyBorder="1" applyAlignment="1">
      <alignment horizontal="center" vertical="center"/>
    </xf>
    <xf numFmtId="0" fontId="5" fillId="0" borderId="76" xfId="0" applyNumberFormat="1" applyFont="1" applyFill="1" applyBorder="1" applyAlignment="1">
      <alignment horizontal="center" vertical="center"/>
    </xf>
    <xf numFmtId="0" fontId="5" fillId="0" borderId="37" xfId="0" applyNumberFormat="1" applyFont="1" applyFill="1" applyBorder="1" applyAlignment="1">
      <alignment horizontal="center" vertical="center"/>
    </xf>
    <xf numFmtId="0" fontId="5" fillId="0" borderId="38" xfId="0" applyNumberFormat="1" applyFont="1" applyFill="1" applyBorder="1" applyAlignment="1">
      <alignment horizontal="center" vertical="center"/>
    </xf>
    <xf numFmtId="0" fontId="14" fillId="0" borderId="36" xfId="0" applyNumberFormat="1" applyFont="1" applyFill="1" applyBorder="1" applyAlignment="1">
      <alignment horizontal="left" vertical="center" wrapText="1"/>
    </xf>
    <xf numFmtId="0" fontId="14" fillId="0" borderId="37" xfId="0" applyNumberFormat="1" applyFont="1" applyFill="1" applyBorder="1" applyAlignment="1">
      <alignment horizontal="left" vertical="center" wrapText="1"/>
    </xf>
    <xf numFmtId="0" fontId="10" fillId="4" borderId="1" xfId="0" applyNumberFormat="1" applyFont="1" applyFill="1" applyBorder="1" applyAlignment="1">
      <alignment horizontal="center" vertical="center" wrapText="1"/>
    </xf>
    <xf numFmtId="0" fontId="10" fillId="4" borderId="2" xfId="0" applyNumberFormat="1" applyFont="1" applyFill="1" applyBorder="1" applyAlignment="1">
      <alignment horizontal="center" vertical="center" wrapText="1"/>
    </xf>
    <xf numFmtId="0" fontId="10" fillId="4" borderId="3" xfId="0" applyNumberFormat="1" applyFont="1" applyFill="1" applyBorder="1" applyAlignment="1">
      <alignment horizontal="center" vertical="center" wrapText="1"/>
    </xf>
    <xf numFmtId="0" fontId="10" fillId="0" borderId="1" xfId="0" applyNumberFormat="1" applyFont="1" applyFill="1" applyBorder="1" applyAlignment="1">
      <alignment horizontal="center" vertical="center" wrapText="1"/>
    </xf>
    <xf numFmtId="0" fontId="10" fillId="0" borderId="2" xfId="0" applyNumberFormat="1" applyFont="1" applyFill="1" applyBorder="1" applyAlignment="1">
      <alignment horizontal="center" vertical="center" wrapText="1"/>
    </xf>
    <xf numFmtId="0" fontId="10" fillId="0" borderId="34" xfId="0" applyNumberFormat="1" applyFont="1" applyFill="1" applyBorder="1" applyAlignment="1">
      <alignment horizontal="center" vertical="center" wrapText="1"/>
    </xf>
    <xf numFmtId="0" fontId="10" fillId="4" borderId="33" xfId="0" applyNumberFormat="1" applyFont="1" applyFill="1" applyBorder="1" applyAlignment="1">
      <alignment horizontal="center" vertical="center" wrapText="1"/>
    </xf>
    <xf numFmtId="0" fontId="10" fillId="4" borderId="28" xfId="0" applyNumberFormat="1" applyFont="1" applyFill="1" applyBorder="1" applyAlignment="1">
      <alignment horizontal="center" vertical="center" wrapText="1"/>
    </xf>
    <xf numFmtId="0" fontId="10" fillId="4" borderId="17" xfId="0" applyNumberFormat="1" applyFont="1" applyFill="1" applyBorder="1" applyAlignment="1">
      <alignment horizontal="center" vertical="center"/>
    </xf>
    <xf numFmtId="0" fontId="10" fillId="4" borderId="56" xfId="0" applyNumberFormat="1" applyFont="1" applyFill="1" applyBorder="1" applyAlignment="1">
      <alignment horizontal="center" vertical="center"/>
    </xf>
    <xf numFmtId="0" fontId="10" fillId="2" borderId="55" xfId="0" applyNumberFormat="1" applyFont="1" applyFill="1" applyBorder="1" applyAlignment="1">
      <alignment horizontal="center" vertical="center"/>
    </xf>
    <xf numFmtId="0" fontId="10" fillId="2" borderId="56" xfId="0" applyNumberFormat="1" applyFont="1" applyFill="1" applyBorder="1" applyAlignment="1">
      <alignment horizontal="center" vertical="center"/>
    </xf>
    <xf numFmtId="0" fontId="10" fillId="2" borderId="83" xfId="0" applyNumberFormat="1" applyFont="1" applyFill="1" applyBorder="1" applyAlignment="1">
      <alignment horizontal="center" vertical="center"/>
    </xf>
    <xf numFmtId="0" fontId="10" fillId="4" borderId="84" xfId="0" applyNumberFormat="1" applyFont="1" applyFill="1" applyBorder="1" applyAlignment="1">
      <alignment horizontal="center" vertical="center"/>
    </xf>
    <xf numFmtId="0" fontId="10" fillId="4" borderId="19" xfId="0" applyNumberFormat="1" applyFont="1" applyFill="1" applyBorder="1" applyAlignment="1">
      <alignment horizontal="center" vertical="center"/>
    </xf>
    <xf numFmtId="0" fontId="10" fillId="4" borderId="85" xfId="0" applyNumberFormat="1" applyFont="1" applyFill="1" applyBorder="1" applyAlignment="1">
      <alignment horizontal="center" vertical="center"/>
    </xf>
    <xf numFmtId="0" fontId="10" fillId="4" borderId="28" xfId="0" applyNumberFormat="1" applyFont="1" applyFill="1" applyBorder="1" applyAlignment="1">
      <alignment horizontal="center" vertical="center"/>
    </xf>
    <xf numFmtId="0" fontId="10" fillId="4" borderId="25" xfId="0" applyNumberFormat="1" applyFont="1" applyFill="1" applyBorder="1" applyAlignment="1">
      <alignment horizontal="center" vertical="center"/>
    </xf>
    <xf numFmtId="0" fontId="10" fillId="4" borderId="62" xfId="0" applyNumberFormat="1" applyFont="1" applyFill="1" applyBorder="1" applyAlignment="1">
      <alignment horizontal="center" vertical="center"/>
    </xf>
    <xf numFmtId="0" fontId="4" fillId="0" borderId="86" xfId="0" applyNumberFormat="1" applyFont="1" applyFill="1" applyBorder="1" applyAlignment="1">
      <alignment horizontal="right" vertical="center"/>
    </xf>
    <xf numFmtId="0" fontId="4" fillId="0" borderId="19" xfId="0" applyNumberFormat="1" applyFont="1" applyFill="1" applyBorder="1" applyAlignment="1">
      <alignment horizontal="right" vertical="center"/>
    </xf>
    <xf numFmtId="0" fontId="4" fillId="0" borderId="87" xfId="0" applyNumberFormat="1" applyFont="1" applyFill="1" applyBorder="1" applyAlignment="1">
      <alignment horizontal="right" vertical="center"/>
    </xf>
    <xf numFmtId="0" fontId="4" fillId="0" borderId="54" xfId="0" applyNumberFormat="1" applyFont="1" applyFill="1" applyBorder="1" applyAlignment="1">
      <alignment horizontal="right" vertical="center"/>
    </xf>
    <xf numFmtId="0" fontId="4" fillId="0" borderId="25" xfId="0" applyNumberFormat="1" applyFont="1" applyFill="1" applyBorder="1" applyAlignment="1">
      <alignment horizontal="right" vertical="center"/>
    </xf>
    <xf numFmtId="0" fontId="4" fillId="0" borderId="29" xfId="0" applyNumberFormat="1" applyFont="1" applyFill="1" applyBorder="1" applyAlignment="1">
      <alignment horizontal="right" vertical="center"/>
    </xf>
    <xf numFmtId="0" fontId="10" fillId="4" borderId="94" xfId="0" applyNumberFormat="1" applyFont="1" applyFill="1" applyBorder="1" applyAlignment="1">
      <alignment horizontal="center" vertical="center"/>
    </xf>
    <xf numFmtId="0" fontId="10" fillId="4" borderId="95" xfId="0" applyNumberFormat="1" applyFont="1" applyFill="1" applyBorder="1" applyAlignment="1">
      <alignment horizontal="center" vertical="center"/>
    </xf>
    <xf numFmtId="0" fontId="10" fillId="0" borderId="94" xfId="0" applyNumberFormat="1" applyFont="1" applyFill="1" applyBorder="1" applyAlignment="1">
      <alignment horizontal="center" vertical="center"/>
    </xf>
    <xf numFmtId="0" fontId="10" fillId="0" borderId="96" xfId="0" applyNumberFormat="1" applyFont="1" applyFill="1" applyBorder="1" applyAlignment="1">
      <alignment horizontal="center" vertical="center"/>
    </xf>
    <xf numFmtId="0" fontId="10" fillId="0" borderId="95" xfId="0" applyNumberFormat="1" applyFont="1" applyFill="1" applyBorder="1" applyAlignment="1">
      <alignment horizontal="center" vertical="center"/>
    </xf>
    <xf numFmtId="0" fontId="10" fillId="0" borderId="97" xfId="0" applyNumberFormat="1" applyFont="1" applyFill="1" applyBorder="1" applyAlignment="1">
      <alignment horizontal="center" vertical="center"/>
    </xf>
    <xf numFmtId="0" fontId="10" fillId="4" borderId="88" xfId="0" applyNumberFormat="1" applyFont="1" applyFill="1" applyBorder="1" applyAlignment="1">
      <alignment horizontal="center" vertical="center"/>
    </xf>
    <xf numFmtId="0" fontId="10" fillId="4" borderId="89" xfId="0" applyNumberFormat="1" applyFont="1" applyFill="1" applyBorder="1" applyAlignment="1">
      <alignment horizontal="center" vertical="center"/>
    </xf>
    <xf numFmtId="0" fontId="10" fillId="2" borderId="90" xfId="0" applyNumberFormat="1" applyFont="1" applyFill="1" applyBorder="1" applyAlignment="1">
      <alignment horizontal="center" vertical="center"/>
    </xf>
    <xf numFmtId="0" fontId="10" fillId="2" borderId="89" xfId="0" applyNumberFormat="1" applyFont="1" applyFill="1" applyBorder="1" applyAlignment="1">
      <alignment horizontal="center" vertical="center"/>
    </xf>
    <xf numFmtId="0" fontId="10" fillId="2" borderId="91" xfId="0" applyNumberFormat="1" applyFont="1" applyFill="1" applyBorder="1" applyAlignment="1">
      <alignment horizontal="center" vertical="center"/>
    </xf>
    <xf numFmtId="0" fontId="10" fillId="4" borderId="77" xfId="0" applyNumberFormat="1" applyFont="1" applyFill="1" applyBorder="1" applyAlignment="1">
      <alignment horizontal="center" vertical="center"/>
    </xf>
    <xf numFmtId="0" fontId="10" fillId="4" borderId="78" xfId="0" applyNumberFormat="1" applyFont="1" applyFill="1" applyBorder="1" applyAlignment="1">
      <alignment horizontal="center" vertical="center"/>
    </xf>
    <xf numFmtId="0" fontId="10" fillId="4" borderId="79" xfId="0" applyNumberFormat="1" applyFont="1" applyFill="1" applyBorder="1" applyAlignment="1">
      <alignment horizontal="center" vertical="center"/>
    </xf>
    <xf numFmtId="0" fontId="10" fillId="4" borderId="80" xfId="0" applyNumberFormat="1" applyFont="1" applyFill="1" applyBorder="1" applyAlignment="1">
      <alignment horizontal="center" vertical="center"/>
    </xf>
    <xf numFmtId="0" fontId="10" fillId="4" borderId="81" xfId="0" applyNumberFormat="1" applyFont="1" applyFill="1" applyBorder="1" applyAlignment="1">
      <alignment horizontal="center" vertical="center"/>
    </xf>
    <xf numFmtId="0" fontId="10" fillId="4" borderId="82" xfId="0" applyNumberFormat="1" applyFont="1" applyFill="1" applyBorder="1" applyAlignment="1">
      <alignment horizontal="center" vertical="center"/>
    </xf>
    <xf numFmtId="0" fontId="10" fillId="4" borderId="23" xfId="0" applyNumberFormat="1" applyFont="1" applyFill="1" applyBorder="1" applyAlignment="1">
      <alignment horizontal="center" vertical="center"/>
    </xf>
    <xf numFmtId="0" fontId="10" fillId="4" borderId="36" xfId="0" applyNumberFormat="1" applyFont="1" applyFill="1" applyBorder="1" applyAlignment="1">
      <alignment horizontal="center" vertical="center"/>
    </xf>
    <xf numFmtId="0" fontId="10" fillId="4" borderId="37" xfId="0" applyNumberFormat="1" applyFont="1" applyFill="1" applyBorder="1" applyAlignment="1">
      <alignment horizontal="center" vertical="center"/>
    </xf>
    <xf numFmtId="0" fontId="10" fillId="4" borderId="38" xfId="0" applyNumberFormat="1" applyFont="1" applyFill="1" applyBorder="1" applyAlignment="1">
      <alignment horizontal="center" vertical="center"/>
    </xf>
    <xf numFmtId="0" fontId="10" fillId="4" borderId="74" xfId="0" applyNumberFormat="1" applyFont="1" applyFill="1" applyBorder="1" applyAlignment="1">
      <alignment horizontal="center" vertical="center"/>
    </xf>
    <xf numFmtId="0" fontId="10" fillId="4" borderId="35" xfId="0" applyNumberFormat="1" applyFont="1" applyFill="1" applyBorder="1" applyAlignment="1">
      <alignment horizontal="center" vertical="center"/>
    </xf>
    <xf numFmtId="0" fontId="10" fillId="3" borderId="0" xfId="0" applyNumberFormat="1" applyFont="1" applyFill="1" applyBorder="1" applyAlignment="1">
      <alignment vertical="top"/>
    </xf>
    <xf numFmtId="0" fontId="18" fillId="2" borderId="0" xfId="0" applyNumberFormat="1" applyFont="1" applyFill="1" applyBorder="1" applyAlignment="1">
      <alignment horizontal="center" vertical="center"/>
    </xf>
    <xf numFmtId="0" fontId="10" fillId="0" borderId="86" xfId="0" applyNumberFormat="1" applyFont="1" applyFill="1" applyBorder="1" applyAlignment="1">
      <alignment horizontal="center" vertical="center"/>
    </xf>
    <xf numFmtId="0" fontId="10" fillId="0" borderId="19" xfId="0" applyNumberFormat="1" applyFont="1" applyFill="1" applyBorder="1" applyAlignment="1">
      <alignment horizontal="center" vertical="center"/>
    </xf>
    <xf numFmtId="0" fontId="10" fillId="0" borderId="20" xfId="0" applyNumberFormat="1" applyFont="1" applyFill="1" applyBorder="1" applyAlignment="1">
      <alignment horizontal="center" vertical="center"/>
    </xf>
    <xf numFmtId="0" fontId="10" fillId="0" borderId="54" xfId="0" applyNumberFormat="1" applyFont="1" applyFill="1" applyBorder="1" applyAlignment="1">
      <alignment horizontal="center" vertical="center"/>
    </xf>
    <xf numFmtId="0" fontId="10" fillId="0" borderId="25" xfId="0" applyNumberFormat="1" applyFont="1" applyFill="1" applyBorder="1" applyAlignment="1">
      <alignment horizontal="center" vertical="center"/>
    </xf>
    <xf numFmtId="0" fontId="10" fillId="0" borderId="93" xfId="0" applyNumberFormat="1" applyFont="1" applyFill="1" applyBorder="1" applyAlignment="1">
      <alignment horizontal="center" vertical="center"/>
    </xf>
    <xf numFmtId="0" fontId="5" fillId="0" borderId="1" xfId="0" applyNumberFormat="1" applyFont="1" applyFill="1" applyBorder="1" applyAlignment="1">
      <alignment horizontal="center" vertical="top"/>
    </xf>
    <xf numFmtId="0" fontId="5" fillId="0" borderId="2" xfId="0" applyNumberFormat="1" applyFont="1" applyFill="1" applyBorder="1" applyAlignment="1">
      <alignment horizontal="center" vertical="top"/>
    </xf>
    <xf numFmtId="0" fontId="5" fillId="0" borderId="8" xfId="0" applyNumberFormat="1" applyFont="1" applyFill="1" applyBorder="1" applyAlignment="1">
      <alignment horizontal="center" vertical="top"/>
    </xf>
    <xf numFmtId="0" fontId="5" fillId="0" borderId="0" xfId="0" applyNumberFormat="1" applyFont="1" applyFill="1" applyBorder="1" applyAlignment="1">
      <alignment horizontal="center" vertical="top"/>
    </xf>
    <xf numFmtId="0" fontId="5" fillId="0" borderId="54" xfId="0" applyNumberFormat="1" applyFont="1" applyFill="1" applyBorder="1" applyAlignment="1">
      <alignment horizontal="center" vertical="top"/>
    </xf>
    <xf numFmtId="0" fontId="5" fillId="0" borderId="25" xfId="0" applyNumberFormat="1" applyFont="1" applyFill="1" applyBorder="1" applyAlignment="1">
      <alignment horizontal="center" vertical="top"/>
    </xf>
    <xf numFmtId="0" fontId="10" fillId="0" borderId="23" xfId="0" applyFont="1" applyFill="1" applyBorder="1" applyAlignment="1">
      <alignment horizontal="center"/>
    </xf>
    <xf numFmtId="0" fontId="10" fillId="4" borderId="23" xfId="0" applyFont="1" applyFill="1" applyBorder="1" applyAlignment="1">
      <alignment horizontal="center" vertical="center"/>
    </xf>
    <xf numFmtId="0" fontId="10" fillId="3" borderId="23" xfId="0" applyFont="1" applyFill="1" applyBorder="1" applyAlignment="1">
      <alignment horizontal="center"/>
    </xf>
    <xf numFmtId="0" fontId="10" fillId="0" borderId="92" xfId="0" applyNumberFormat="1" applyFont="1" applyFill="1" applyBorder="1" applyAlignment="1">
      <alignment horizontal="center" vertical="center" wrapText="1"/>
    </xf>
    <xf numFmtId="0" fontId="10" fillId="0" borderId="93" xfId="0" applyNumberFormat="1" applyFont="1" applyFill="1" applyBorder="1" applyAlignment="1">
      <alignment horizontal="center" vertical="center" wrapText="1"/>
    </xf>
    <xf numFmtId="0" fontId="4" fillId="4" borderId="43" xfId="0" applyNumberFormat="1" applyFont="1" applyFill="1" applyBorder="1" applyAlignment="1">
      <alignment horizontal="center" vertical="center" wrapText="1"/>
    </xf>
    <xf numFmtId="0" fontId="4" fillId="4" borderId="31" xfId="0" applyNumberFormat="1" applyFont="1" applyFill="1" applyBorder="1" applyAlignment="1">
      <alignment horizontal="center" vertical="center" wrapText="1"/>
    </xf>
    <xf numFmtId="0" fontId="4" fillId="4" borderId="44" xfId="0" applyNumberFormat="1" applyFont="1" applyFill="1" applyBorder="1" applyAlignment="1">
      <alignment horizontal="center" vertical="center" wrapText="1"/>
    </xf>
    <xf numFmtId="0" fontId="4" fillId="4" borderId="8" xfId="0" applyNumberFormat="1" applyFont="1" applyFill="1" applyBorder="1" applyAlignment="1">
      <alignment horizontal="center" vertical="center" wrapText="1"/>
    </xf>
    <xf numFmtId="0" fontId="4" fillId="4" borderId="0" xfId="0" applyNumberFormat="1" applyFont="1" applyFill="1" applyBorder="1" applyAlignment="1">
      <alignment horizontal="center" vertical="center" wrapText="1"/>
    </xf>
    <xf numFmtId="0" fontId="4" fillId="4" borderId="10" xfId="0" applyNumberFormat="1" applyFont="1" applyFill="1" applyBorder="1" applyAlignment="1">
      <alignment horizontal="center" vertical="center" wrapText="1"/>
    </xf>
    <xf numFmtId="0" fontId="4" fillId="4" borderId="4" xfId="0" applyNumberFormat="1" applyFont="1" applyFill="1" applyBorder="1" applyAlignment="1">
      <alignment horizontal="center" vertical="center" wrapText="1"/>
    </xf>
    <xf numFmtId="0" fontId="4" fillId="4" borderId="5" xfId="0" applyNumberFormat="1" applyFont="1" applyFill="1" applyBorder="1" applyAlignment="1">
      <alignment horizontal="center" vertical="center" wrapText="1"/>
    </xf>
    <xf numFmtId="0" fontId="4" fillId="4" borderId="58" xfId="0" applyNumberFormat="1" applyFont="1" applyFill="1" applyBorder="1" applyAlignment="1">
      <alignment horizontal="center" vertical="center" wrapText="1"/>
    </xf>
    <xf numFmtId="0" fontId="10" fillId="4" borderId="1" xfId="0" applyNumberFormat="1" applyFont="1" applyFill="1" applyBorder="1" applyAlignment="1">
      <alignment horizontal="center" vertical="center"/>
    </xf>
    <xf numFmtId="0" fontId="10" fillId="4" borderId="2" xfId="0" applyNumberFormat="1" applyFont="1" applyFill="1" applyBorder="1" applyAlignment="1">
      <alignment horizontal="center" vertical="center"/>
    </xf>
    <xf numFmtId="0" fontId="10" fillId="4" borderId="3" xfId="0" applyNumberFormat="1" applyFont="1" applyFill="1" applyBorder="1" applyAlignment="1">
      <alignment horizontal="center" vertical="center"/>
    </xf>
    <xf numFmtId="0" fontId="10" fillId="4" borderId="54" xfId="0" applyNumberFormat="1" applyFont="1" applyFill="1" applyBorder="1" applyAlignment="1">
      <alignment horizontal="center" vertical="center"/>
    </xf>
    <xf numFmtId="0" fontId="5" fillId="0" borderId="55" xfId="0" applyNumberFormat="1" applyFont="1" applyFill="1" applyBorder="1" applyAlignment="1">
      <alignment horizontal="center" vertical="top"/>
    </xf>
    <xf numFmtId="0" fontId="5" fillId="0" borderId="56" xfId="0" applyNumberFormat="1" applyFont="1" applyFill="1" applyBorder="1" applyAlignment="1">
      <alignment horizontal="center" vertical="top"/>
    </xf>
    <xf numFmtId="0" fontId="5" fillId="0" borderId="63" xfId="0" applyNumberFormat="1" applyFont="1" applyFill="1" applyBorder="1" applyAlignment="1">
      <alignment horizontal="center" vertical="top"/>
    </xf>
    <xf numFmtId="0" fontId="10" fillId="4" borderId="75" xfId="0" applyNumberFormat="1" applyFont="1" applyFill="1" applyBorder="1" applyAlignment="1">
      <alignment horizontal="center" vertical="center"/>
    </xf>
    <xf numFmtId="0" fontId="5" fillId="0" borderId="43" xfId="0" applyNumberFormat="1" applyFont="1" applyFill="1" applyBorder="1" applyAlignment="1">
      <alignment horizontal="center" vertical="top"/>
    </xf>
    <xf numFmtId="0" fontId="5" fillId="0" borderId="31" xfId="0" applyNumberFormat="1" applyFont="1" applyFill="1" applyBorder="1" applyAlignment="1">
      <alignment horizontal="center" vertical="top"/>
    </xf>
    <xf numFmtId="0" fontId="5" fillId="0" borderId="4" xfId="0" applyNumberFormat="1" applyFont="1" applyFill="1" applyBorder="1" applyAlignment="1">
      <alignment horizontal="center" vertical="top"/>
    </xf>
    <xf numFmtId="0" fontId="5" fillId="0" borderId="5" xfId="0" applyNumberFormat="1" applyFont="1" applyFill="1" applyBorder="1" applyAlignment="1">
      <alignment horizontal="center" vertical="top"/>
    </xf>
    <xf numFmtId="0" fontId="5" fillId="0" borderId="23" xfId="0" applyFont="1" applyBorder="1" applyAlignment="1">
      <alignment horizontal="center"/>
    </xf>
    <xf numFmtId="0" fontId="10" fillId="4" borderId="18" xfId="0" applyNumberFormat="1" applyFont="1" applyFill="1" applyBorder="1" applyAlignment="1">
      <alignment horizontal="center" vertical="center"/>
    </xf>
    <xf numFmtId="0" fontId="10" fillId="4" borderId="11" xfId="0" applyNumberFormat="1" applyFont="1" applyFill="1" applyBorder="1" applyAlignment="1">
      <alignment horizontal="center" vertical="center"/>
    </xf>
    <xf numFmtId="0" fontId="10" fillId="0" borderId="14" xfId="0" applyNumberFormat="1" applyFont="1" applyFill="1" applyBorder="1" applyAlignment="1">
      <alignment horizontal="center" vertical="center"/>
    </xf>
    <xf numFmtId="0" fontId="10" fillId="0" borderId="12" xfId="0" applyNumberFormat="1" applyFont="1" applyFill="1" applyBorder="1" applyAlignment="1">
      <alignment horizontal="center" vertical="center"/>
    </xf>
    <xf numFmtId="0" fontId="10" fillId="0" borderId="98" xfId="0" applyNumberFormat="1" applyFont="1" applyFill="1" applyBorder="1" applyAlignment="1">
      <alignment horizontal="center" vertical="center"/>
    </xf>
    <xf numFmtId="0" fontId="10" fillId="4" borderId="99" xfId="0" applyNumberFormat="1" applyFont="1" applyFill="1" applyBorder="1" applyAlignment="1">
      <alignment horizontal="center" vertical="center"/>
    </xf>
    <xf numFmtId="0" fontId="10" fillId="4" borderId="100" xfId="0" applyNumberFormat="1" applyFont="1" applyFill="1" applyBorder="1" applyAlignment="1">
      <alignment horizontal="center" vertical="center"/>
    </xf>
    <xf numFmtId="0" fontId="10" fillId="4" borderId="98" xfId="0" applyNumberFormat="1" applyFont="1" applyFill="1" applyBorder="1" applyAlignment="1">
      <alignment horizontal="center" vertical="center"/>
    </xf>
    <xf numFmtId="0" fontId="10" fillId="0" borderId="21" xfId="0" applyNumberFormat="1" applyFont="1" applyFill="1" applyBorder="1" applyAlignment="1">
      <alignment horizontal="center" vertical="center"/>
    </xf>
    <xf numFmtId="0" fontId="30" fillId="0" borderId="23" xfId="0" applyFont="1" applyFill="1" applyBorder="1" applyAlignment="1">
      <alignment horizontal="center" vertical="center"/>
    </xf>
    <xf numFmtId="0" fontId="30" fillId="0" borderId="105" xfId="0" applyFont="1" applyFill="1" applyBorder="1" applyAlignment="1">
      <alignment horizontal="center" vertical="center"/>
    </xf>
    <xf numFmtId="0" fontId="30" fillId="0" borderId="23" xfId="0" applyNumberFormat="1" applyFont="1" applyFill="1" applyBorder="1" applyAlignment="1">
      <alignment horizontal="center" vertical="center"/>
    </xf>
    <xf numFmtId="0" fontId="30" fillId="0" borderId="105" xfId="0" applyNumberFormat="1" applyFont="1" applyFill="1" applyBorder="1" applyAlignment="1">
      <alignment horizontal="center" vertical="center"/>
    </xf>
    <xf numFmtId="0" fontId="30" fillId="0" borderId="106" xfId="0" applyNumberFormat="1" applyFont="1" applyFill="1" applyBorder="1" applyAlignment="1">
      <alignment horizontal="distributed" vertical="center" indent="1"/>
    </xf>
    <xf numFmtId="0" fontId="30" fillId="4" borderId="38" xfId="0" applyNumberFormat="1" applyFont="1" applyFill="1" applyBorder="1" applyAlignment="1">
      <alignment horizontal="distributed" vertical="center" wrapText="1" indent="1"/>
    </xf>
    <xf numFmtId="0" fontId="30" fillId="4" borderId="23" xfId="0" applyNumberFormat="1" applyFont="1" applyFill="1" applyBorder="1" applyAlignment="1">
      <alignment horizontal="distributed" vertical="center" wrapText="1" indent="1"/>
    </xf>
    <xf numFmtId="0" fontId="30" fillId="4" borderId="36" xfId="0" applyNumberFormat="1" applyFont="1" applyFill="1" applyBorder="1" applyAlignment="1">
      <alignment horizontal="distributed" vertical="center" wrapText="1" indent="1"/>
    </xf>
    <xf numFmtId="0" fontId="30" fillId="4" borderId="23" xfId="0" applyNumberFormat="1" applyFont="1" applyFill="1" applyBorder="1" applyAlignment="1">
      <alignment horizontal="center" vertical="center"/>
    </xf>
    <xf numFmtId="0" fontId="30" fillId="0" borderId="0" xfId="0" applyFont="1" applyFill="1" applyBorder="1" applyAlignment="1">
      <alignment horizontal="center" vertical="center"/>
    </xf>
    <xf numFmtId="0" fontId="30" fillId="0" borderId="5" xfId="0" applyFont="1" applyFill="1" applyBorder="1" applyAlignment="1">
      <alignment horizontal="center" vertical="center"/>
    </xf>
    <xf numFmtId="0" fontId="30" fillId="0" borderId="102" xfId="0" applyNumberFormat="1" applyFont="1" applyFill="1" applyBorder="1" applyAlignment="1">
      <alignment horizontal="center" vertical="center"/>
    </xf>
    <xf numFmtId="0" fontId="30" fillId="0" borderId="103" xfId="0" applyNumberFormat="1" applyFont="1" applyFill="1" applyBorder="1" applyAlignment="1">
      <alignment horizontal="center" vertical="center"/>
    </xf>
    <xf numFmtId="0" fontId="30" fillId="4" borderId="23" xfId="0" applyNumberFormat="1" applyFont="1" applyFill="1" applyBorder="1" applyAlignment="1">
      <alignment horizontal="center" vertical="center" wrapText="1"/>
    </xf>
    <xf numFmtId="0" fontId="30" fillId="4" borderId="35" xfId="0" applyNumberFormat="1" applyFont="1" applyFill="1" applyBorder="1" applyAlignment="1">
      <alignment horizontal="center" vertical="center" wrapText="1"/>
    </xf>
    <xf numFmtId="0" fontId="30" fillId="0" borderId="23" xfId="0" applyNumberFormat="1" applyFont="1" applyFill="1" applyBorder="1" applyAlignment="1">
      <alignment horizontal="center" vertical="center" wrapText="1"/>
    </xf>
    <xf numFmtId="0" fontId="30" fillId="0" borderId="35" xfId="0" applyNumberFormat="1" applyFont="1" applyFill="1" applyBorder="1" applyAlignment="1">
      <alignment horizontal="center" vertical="center" wrapText="1"/>
    </xf>
    <xf numFmtId="0" fontId="30" fillId="0" borderId="2" xfId="0" applyFont="1" applyFill="1" applyBorder="1" applyAlignment="1">
      <alignment horizontal="center" vertical="center"/>
    </xf>
    <xf numFmtId="0" fontId="30" fillId="0" borderId="3" xfId="0" applyFont="1" applyFill="1" applyBorder="1" applyAlignment="1">
      <alignment horizontal="center" vertical="center"/>
    </xf>
    <xf numFmtId="0" fontId="30" fillId="0" borderId="7" xfId="0" applyFont="1" applyFill="1" applyBorder="1" applyAlignment="1">
      <alignment horizontal="center" vertical="center"/>
    </xf>
    <xf numFmtId="0" fontId="30" fillId="0" borderId="6" xfId="0" applyFont="1" applyFill="1" applyBorder="1" applyAlignment="1">
      <alignment horizontal="center" vertical="center"/>
    </xf>
    <xf numFmtId="0" fontId="30" fillId="0" borderId="101" xfId="0" applyFont="1" applyFill="1" applyBorder="1" applyAlignment="1">
      <alignment horizontal="center" vertical="center"/>
    </xf>
    <xf numFmtId="0" fontId="30" fillId="0" borderId="102" xfId="0" applyFont="1" applyFill="1" applyBorder="1" applyAlignment="1">
      <alignment horizontal="center" vertical="center"/>
    </xf>
    <xf numFmtId="0" fontId="30" fillId="0" borderId="103" xfId="0" applyFont="1" applyFill="1" applyBorder="1" applyAlignment="1">
      <alignment horizontal="center" vertical="center"/>
    </xf>
    <xf numFmtId="0" fontId="30" fillId="4" borderId="1" xfId="0" applyNumberFormat="1" applyFont="1" applyFill="1" applyBorder="1" applyAlignment="1">
      <alignment horizontal="center" vertical="center"/>
    </xf>
    <xf numFmtId="0" fontId="30" fillId="4" borderId="2" xfId="0" applyNumberFormat="1" applyFont="1" applyFill="1" applyBorder="1" applyAlignment="1">
      <alignment horizontal="center" vertical="center"/>
    </xf>
    <xf numFmtId="0" fontId="30" fillId="4" borderId="3" xfId="0" applyNumberFormat="1" applyFont="1" applyFill="1" applyBorder="1" applyAlignment="1">
      <alignment horizontal="center" vertical="center"/>
    </xf>
    <xf numFmtId="0" fontId="30" fillId="4" borderId="4" xfId="0" applyNumberFormat="1" applyFont="1" applyFill="1" applyBorder="1" applyAlignment="1">
      <alignment horizontal="center" vertical="center"/>
    </xf>
    <xf numFmtId="0" fontId="30" fillId="4" borderId="5" xfId="0" applyNumberFormat="1" applyFont="1" applyFill="1" applyBorder="1" applyAlignment="1">
      <alignment horizontal="center" vertical="center"/>
    </xf>
    <xf numFmtId="0" fontId="30" fillId="4" borderId="6" xfId="0" applyNumberFormat="1" applyFont="1" applyFill="1" applyBorder="1" applyAlignment="1">
      <alignment horizontal="center" vertical="center"/>
    </xf>
    <xf numFmtId="0" fontId="30" fillId="0" borderId="5" xfId="0" applyNumberFormat="1" applyFont="1" applyFill="1" applyBorder="1" applyAlignment="1">
      <alignment horizontal="distributed" vertical="center" indent="1"/>
    </xf>
    <xf numFmtId="0" fontId="30" fillId="0" borderId="6" xfId="0" applyNumberFormat="1" applyFont="1" applyFill="1" applyBorder="1" applyAlignment="1">
      <alignment horizontal="distributed" vertical="center" indent="1"/>
    </xf>
    <xf numFmtId="0" fontId="30" fillId="0" borderId="0" xfId="0" applyNumberFormat="1" applyFont="1" applyFill="1" applyBorder="1" applyAlignment="1">
      <alignment horizontal="distributed" vertical="center" indent="1"/>
    </xf>
    <xf numFmtId="0" fontId="30" fillId="0" borderId="7" xfId="0" applyNumberFormat="1" applyFont="1" applyFill="1" applyBorder="1" applyAlignment="1">
      <alignment horizontal="distributed" vertical="center" indent="1"/>
    </xf>
    <xf numFmtId="0" fontId="30" fillId="4" borderId="23" xfId="0" applyFont="1" applyFill="1" applyBorder="1" applyAlignment="1">
      <alignment horizontal="center" vertical="center"/>
    </xf>
    <xf numFmtId="0" fontId="30" fillId="4" borderId="1" xfId="0" applyFont="1" applyFill="1" applyBorder="1" applyAlignment="1">
      <alignment horizontal="center" vertical="center"/>
    </xf>
    <xf numFmtId="0" fontId="30" fillId="4" borderId="2" xfId="0" applyFont="1" applyFill="1" applyBorder="1" applyAlignment="1">
      <alignment horizontal="center" vertical="center"/>
    </xf>
    <xf numFmtId="0" fontId="30" fillId="4" borderId="3" xfId="0" applyFont="1" applyFill="1" applyBorder="1" applyAlignment="1">
      <alignment horizontal="center" vertical="center"/>
    </xf>
    <xf numFmtId="0" fontId="30" fillId="4" borderId="8" xfId="0" applyFont="1" applyFill="1" applyBorder="1" applyAlignment="1">
      <alignment horizontal="center" vertical="center"/>
    </xf>
    <xf numFmtId="0" fontId="30" fillId="4" borderId="0" xfId="0" applyFont="1" applyFill="1" applyBorder="1" applyAlignment="1">
      <alignment horizontal="center" vertical="center"/>
    </xf>
    <xf numFmtId="0" fontId="30" fillId="4" borderId="7" xfId="0" applyFont="1" applyFill="1" applyBorder="1" applyAlignment="1">
      <alignment horizontal="center" vertical="center"/>
    </xf>
    <xf numFmtId="0" fontId="30" fillId="4" borderId="4" xfId="0" applyFont="1" applyFill="1" applyBorder="1" applyAlignment="1">
      <alignment horizontal="center" vertical="center"/>
    </xf>
    <xf numFmtId="0" fontId="30" fillId="4" borderId="5" xfId="0" applyFont="1" applyFill="1" applyBorder="1" applyAlignment="1">
      <alignment horizontal="center" vertical="center"/>
    </xf>
    <xf numFmtId="0" fontId="30" fillId="4" borderId="6" xfId="0" applyFont="1" applyFill="1" applyBorder="1" applyAlignment="1">
      <alignment horizontal="center" vertical="center"/>
    </xf>
    <xf numFmtId="0" fontId="30" fillId="0" borderId="105" xfId="0" applyNumberFormat="1" applyFont="1" applyFill="1" applyBorder="1" applyAlignment="1">
      <alignment horizontal="distributed" vertical="center" wrapText="1" indent="1"/>
    </xf>
    <xf numFmtId="0" fontId="30" fillId="0" borderId="1" xfId="0" applyNumberFormat="1" applyFont="1" applyFill="1" applyBorder="1" applyAlignment="1">
      <alignment horizontal="center" vertical="center"/>
    </xf>
    <xf numFmtId="0" fontId="30" fillId="0" borderId="2" xfId="0" applyNumberFormat="1" applyFont="1" applyFill="1" applyBorder="1" applyAlignment="1">
      <alignment horizontal="center" vertical="center"/>
    </xf>
    <xf numFmtId="0" fontId="30" fillId="0" borderId="3" xfId="0" applyNumberFormat="1" applyFont="1" applyFill="1" applyBorder="1" applyAlignment="1">
      <alignment horizontal="center" vertical="center"/>
    </xf>
    <xf numFmtId="0" fontId="30" fillId="0" borderId="8" xfId="0" applyNumberFormat="1" applyFont="1" applyFill="1" applyBorder="1" applyAlignment="1">
      <alignment horizontal="center" vertical="center"/>
    </xf>
    <xf numFmtId="0" fontId="30" fillId="0" borderId="0" xfId="0" applyNumberFormat="1" applyFont="1" applyFill="1" applyBorder="1" applyAlignment="1">
      <alignment horizontal="center" vertical="center"/>
    </xf>
    <xf numFmtId="0" fontId="30" fillId="0" borderId="7" xfId="0" applyNumberFormat="1" applyFont="1" applyFill="1" applyBorder="1" applyAlignment="1">
      <alignment horizontal="center" vertical="center"/>
    </xf>
    <xf numFmtId="0" fontId="30" fillId="0" borderId="4" xfId="0" applyNumberFormat="1" applyFont="1" applyFill="1" applyBorder="1" applyAlignment="1">
      <alignment horizontal="center" vertical="center"/>
    </xf>
    <xf numFmtId="0" fontId="30" fillId="0" borderId="5" xfId="0" applyNumberFormat="1" applyFont="1" applyFill="1" applyBorder="1" applyAlignment="1">
      <alignment horizontal="center" vertical="center"/>
    </xf>
    <xf numFmtId="0" fontId="30" fillId="0" borderId="6" xfId="0" applyNumberFormat="1" applyFont="1" applyFill="1" applyBorder="1" applyAlignment="1">
      <alignment horizontal="center" vertical="center"/>
    </xf>
    <xf numFmtId="0" fontId="30" fillId="0" borderId="2" xfId="0" applyNumberFormat="1" applyFont="1" applyFill="1" applyBorder="1" applyAlignment="1">
      <alignment horizontal="distributed" vertical="center" indent="1"/>
    </xf>
    <xf numFmtId="0" fontId="30" fillId="0" borderId="3" xfId="0" applyNumberFormat="1" applyFont="1" applyFill="1" applyBorder="1" applyAlignment="1">
      <alignment horizontal="distributed" vertical="center" indent="1"/>
    </xf>
    <xf numFmtId="0" fontId="30" fillId="0" borderId="1" xfId="0" applyFont="1" applyFill="1" applyBorder="1" applyAlignment="1">
      <alignment horizontal="center" vertical="center"/>
    </xf>
    <xf numFmtId="0" fontId="30" fillId="0" borderId="34" xfId="0" applyFont="1" applyFill="1" applyBorder="1" applyAlignment="1">
      <alignment horizontal="center" vertical="center"/>
    </xf>
    <xf numFmtId="0" fontId="30" fillId="0" borderId="8" xfId="0" applyFont="1" applyFill="1" applyBorder="1" applyAlignment="1">
      <alignment horizontal="center" vertical="center"/>
    </xf>
    <xf numFmtId="0" fontId="30" fillId="0" borderId="27" xfId="0" applyFont="1" applyFill="1" applyBorder="1" applyAlignment="1">
      <alignment horizontal="center" vertical="center"/>
    </xf>
    <xf numFmtId="0" fontId="30" fillId="0" borderId="4" xfId="0" applyFont="1" applyFill="1" applyBorder="1" applyAlignment="1">
      <alignment horizontal="center" vertical="center"/>
    </xf>
    <xf numFmtId="0" fontId="30" fillId="0" borderId="104" xfId="0" applyFont="1" applyFill="1" applyBorder="1" applyAlignment="1">
      <alignment horizontal="center" vertical="center"/>
    </xf>
    <xf numFmtId="0" fontId="30" fillId="4" borderId="74" xfId="0" applyNumberFormat="1" applyFont="1" applyFill="1" applyBorder="1" applyAlignment="1">
      <alignment horizontal="center" vertical="center"/>
    </xf>
    <xf numFmtId="49" fontId="30" fillId="4" borderId="23" xfId="0" applyNumberFormat="1" applyFont="1" applyFill="1" applyBorder="1" applyAlignment="1">
      <alignment horizontal="center" vertical="center"/>
    </xf>
    <xf numFmtId="0" fontId="30" fillId="4" borderId="74" xfId="0" applyNumberFormat="1" applyFont="1" applyFill="1" applyBorder="1" applyAlignment="1">
      <alignment horizontal="center" vertical="center" wrapText="1"/>
    </xf>
    <xf numFmtId="0" fontId="30" fillId="0" borderId="74" xfId="0" applyNumberFormat="1" applyFont="1" applyFill="1" applyBorder="1" applyAlignment="1">
      <alignment horizontal="center" vertical="center" wrapText="1"/>
    </xf>
    <xf numFmtId="0" fontId="30" fillId="0" borderId="26" xfId="0" applyNumberFormat="1" applyFont="1" applyFill="1" applyBorder="1" applyAlignment="1">
      <alignment horizontal="center" vertical="center"/>
    </xf>
    <xf numFmtId="0" fontId="30" fillId="0" borderId="111" xfId="0" applyNumberFormat="1" applyFont="1" applyFill="1" applyBorder="1" applyAlignment="1">
      <alignment horizontal="center" vertical="center"/>
    </xf>
    <xf numFmtId="0" fontId="30" fillId="0" borderId="112" xfId="0" applyNumberFormat="1" applyFont="1" applyFill="1" applyBorder="1" applyAlignment="1">
      <alignment horizontal="distributed" vertical="center" indent="1"/>
    </xf>
    <xf numFmtId="0" fontId="30" fillId="0" borderId="1" xfId="0" applyNumberFormat="1" applyFont="1" applyFill="1" applyBorder="1" applyAlignment="1">
      <alignment horizontal="center" vertical="center" wrapText="1"/>
    </xf>
    <xf numFmtId="0" fontId="30" fillId="0" borderId="2" xfId="0" applyNumberFormat="1" applyFont="1" applyFill="1" applyBorder="1" applyAlignment="1">
      <alignment horizontal="center" vertical="center" wrapText="1"/>
    </xf>
    <xf numFmtId="0" fontId="30" fillId="0" borderId="8" xfId="0" applyNumberFormat="1" applyFont="1" applyFill="1" applyBorder="1" applyAlignment="1">
      <alignment horizontal="center" vertical="center" wrapText="1"/>
    </xf>
    <xf numFmtId="0" fontId="30" fillId="0" borderId="0" xfId="0" applyNumberFormat="1" applyFont="1" applyFill="1" applyBorder="1" applyAlignment="1">
      <alignment horizontal="center" vertical="center" wrapText="1"/>
    </xf>
    <xf numFmtId="0" fontId="30" fillId="0" borderId="4" xfId="0" applyNumberFormat="1" applyFont="1" applyFill="1" applyBorder="1" applyAlignment="1">
      <alignment horizontal="center" vertical="center" wrapText="1"/>
    </xf>
    <xf numFmtId="0" fontId="30" fillId="0" borderId="5" xfId="0" applyNumberFormat="1" applyFont="1" applyFill="1" applyBorder="1" applyAlignment="1">
      <alignment horizontal="center" vertical="center" wrapText="1"/>
    </xf>
    <xf numFmtId="0" fontId="30" fillId="0" borderId="74" xfId="0" applyNumberFormat="1" applyFont="1" applyFill="1" applyBorder="1" applyAlignment="1">
      <alignment horizontal="center" vertical="center"/>
    </xf>
    <xf numFmtId="0" fontId="30" fillId="0" borderId="107" xfId="0" applyNumberFormat="1" applyFont="1" applyFill="1" applyBorder="1" applyAlignment="1">
      <alignment horizontal="center" vertical="center"/>
    </xf>
    <xf numFmtId="0" fontId="30" fillId="0" borderId="108" xfId="0" applyNumberFormat="1" applyFont="1" applyFill="1" applyBorder="1" applyAlignment="1">
      <alignment horizontal="center" vertical="center"/>
    </xf>
    <xf numFmtId="0" fontId="30" fillId="0" borderId="109" xfId="0" applyNumberFormat="1" applyFont="1" applyFill="1" applyBorder="1" applyAlignment="1">
      <alignment horizontal="center" vertical="center"/>
    </xf>
    <xf numFmtId="0" fontId="30" fillId="0" borderId="110" xfId="0" applyNumberFormat="1" applyFont="1" applyFill="1" applyBorder="1" applyAlignment="1">
      <alignment horizontal="center" vertical="center"/>
    </xf>
    <xf numFmtId="0" fontId="30" fillId="4" borderId="34" xfId="0" applyFont="1" applyFill="1" applyBorder="1" applyAlignment="1">
      <alignment horizontal="center" vertical="center"/>
    </xf>
    <xf numFmtId="0" fontId="30" fillId="4" borderId="104" xfId="0" applyFont="1" applyFill="1" applyBorder="1" applyAlignment="1">
      <alignment horizontal="center" vertical="center"/>
    </xf>
    <xf numFmtId="0" fontId="32" fillId="2" borderId="0" xfId="0" applyNumberFormat="1" applyFont="1" applyFill="1" applyBorder="1" applyAlignment="1">
      <alignment horizontal="center" vertical="center"/>
    </xf>
    <xf numFmtId="0" fontId="30" fillId="4" borderId="79" xfId="0" applyNumberFormat="1" applyFont="1" applyFill="1" applyBorder="1" applyAlignment="1">
      <alignment horizontal="center" vertical="center"/>
    </xf>
    <xf numFmtId="0" fontId="30" fillId="4" borderId="78" xfId="0" applyNumberFormat="1" applyFont="1" applyFill="1" applyBorder="1" applyAlignment="1">
      <alignment horizontal="center" vertical="center"/>
    </xf>
    <xf numFmtId="0" fontId="30" fillId="0" borderId="78" xfId="0" applyNumberFormat="1" applyFont="1" applyFill="1" applyBorder="1" applyAlignment="1">
      <alignment horizontal="center" vertical="center"/>
    </xf>
    <xf numFmtId="0" fontId="30" fillId="0" borderId="113" xfId="0" applyFont="1" applyFill="1" applyBorder="1" applyAlignment="1">
      <alignment horizontal="center"/>
    </xf>
    <xf numFmtId="0" fontId="30" fillId="0" borderId="114" xfId="0" applyFont="1" applyFill="1" applyBorder="1" applyAlignment="1">
      <alignment horizontal="center"/>
    </xf>
    <xf numFmtId="0" fontId="30" fillId="0" borderId="115" xfId="0" applyFont="1" applyFill="1" applyBorder="1" applyAlignment="1">
      <alignment horizontal="center"/>
    </xf>
    <xf numFmtId="0" fontId="30" fillId="4" borderId="8" xfId="0" applyFont="1" applyFill="1" applyBorder="1" applyAlignment="1">
      <alignment horizontal="center" vertical="center" wrapText="1"/>
    </xf>
    <xf numFmtId="0" fontId="31" fillId="0" borderId="0" xfId="0" applyNumberFormat="1" applyFont="1" applyFill="1" applyBorder="1" applyAlignment="1">
      <alignment vertical="top"/>
    </xf>
    <xf numFmtId="0" fontId="30" fillId="4" borderId="33" xfId="0" applyNumberFormat="1" applyFont="1" applyFill="1" applyBorder="1" applyAlignment="1">
      <alignment horizontal="center" vertical="center"/>
    </xf>
    <xf numFmtId="0" fontId="30" fillId="4" borderId="26" xfId="0" applyNumberFormat="1" applyFont="1" applyFill="1" applyBorder="1" applyAlignment="1">
      <alignment horizontal="center" vertical="center"/>
    </xf>
    <xf numFmtId="0" fontId="30" fillId="4" borderId="0" xfId="0" applyNumberFormat="1" applyFont="1" applyFill="1" applyBorder="1" applyAlignment="1">
      <alignment horizontal="center" vertical="center"/>
    </xf>
    <xf numFmtId="0" fontId="30" fillId="4" borderId="7" xfId="0" applyNumberFormat="1" applyFont="1" applyFill="1" applyBorder="1" applyAlignment="1">
      <alignment horizontal="center" vertical="center"/>
    </xf>
    <xf numFmtId="0" fontId="30" fillId="0" borderId="80" xfId="0" applyNumberFormat="1" applyFont="1" applyFill="1" applyBorder="1" applyAlignment="1">
      <alignment horizontal="center" vertical="center"/>
    </xf>
    <xf numFmtId="0" fontId="30" fillId="0" borderId="35" xfId="0" applyNumberFormat="1" applyFont="1" applyFill="1" applyBorder="1" applyAlignment="1">
      <alignment horizontal="center" vertical="center"/>
    </xf>
    <xf numFmtId="0" fontId="30" fillId="4" borderId="28" xfId="0" applyNumberFormat="1" applyFont="1" applyFill="1" applyBorder="1" applyAlignment="1">
      <alignment horizontal="center" vertical="center"/>
    </xf>
    <xf numFmtId="0" fontId="30" fillId="4" borderId="25" xfId="0" applyNumberFormat="1" applyFont="1" applyFill="1" applyBorder="1" applyAlignment="1">
      <alignment horizontal="center" vertical="center"/>
    </xf>
    <xf numFmtId="0" fontId="30" fillId="4" borderId="62" xfId="0" applyNumberFormat="1" applyFont="1" applyFill="1" applyBorder="1" applyAlignment="1">
      <alignment horizontal="center" vertical="center"/>
    </xf>
    <xf numFmtId="0" fontId="30" fillId="0" borderId="34" xfId="0" applyNumberFormat="1" applyFont="1" applyFill="1" applyBorder="1" applyAlignment="1">
      <alignment horizontal="center" vertical="center"/>
    </xf>
    <xf numFmtId="0" fontId="30" fillId="0" borderId="27" xfId="0" applyNumberFormat="1" applyFont="1" applyFill="1" applyBorder="1" applyAlignment="1">
      <alignment horizontal="center" vertical="center"/>
    </xf>
    <xf numFmtId="0" fontId="30" fillId="0" borderId="25" xfId="0" applyNumberFormat="1" applyFont="1" applyFill="1" applyBorder="1" applyAlignment="1">
      <alignment horizontal="center" vertical="center"/>
    </xf>
    <xf numFmtId="0" fontId="30" fillId="0" borderId="29" xfId="0" applyNumberFormat="1" applyFont="1" applyFill="1" applyBorder="1" applyAlignment="1">
      <alignment horizontal="center" vertical="center"/>
    </xf>
    <xf numFmtId="0" fontId="50" fillId="2" borderId="0" xfId="0" applyNumberFormat="1" applyFont="1" applyFill="1" applyBorder="1" applyAlignment="1">
      <alignment horizontal="left" vertical="center"/>
    </xf>
    <xf numFmtId="0" fontId="0" fillId="0" borderId="0" xfId="0" applyFont="1" applyAlignment="1">
      <alignment horizontal="left" vertical="center"/>
    </xf>
    <xf numFmtId="0" fontId="20" fillId="2" borderId="0" xfId="0" applyNumberFormat="1" applyFont="1" applyFill="1" applyBorder="1" applyAlignment="1">
      <alignment horizontal="left" vertical="top" wrapText="1"/>
    </xf>
    <xf numFmtId="0" fontId="36" fillId="2" borderId="0" xfId="0" applyNumberFormat="1" applyFont="1" applyFill="1" applyBorder="1" applyAlignment="1">
      <alignment horizontal="center" vertical="center"/>
    </xf>
    <xf numFmtId="0" fontId="9" fillId="0" borderId="23" xfId="0" applyFont="1" applyBorder="1" applyAlignment="1">
      <alignment horizontal="center" vertical="center"/>
    </xf>
    <xf numFmtId="0" fontId="9" fillId="0" borderId="23" xfId="0" applyNumberFormat="1" applyFont="1" applyFill="1" applyBorder="1" applyAlignment="1">
      <alignment horizontal="center" vertical="center"/>
    </xf>
    <xf numFmtId="0" fontId="9" fillId="4" borderId="43" xfId="0" applyNumberFormat="1" applyFont="1" applyFill="1" applyBorder="1" applyAlignment="1">
      <alignment horizontal="center" vertical="center"/>
    </xf>
    <xf numFmtId="0" fontId="9" fillId="4" borderId="31" xfId="0" applyNumberFormat="1" applyFont="1" applyFill="1" applyBorder="1" applyAlignment="1">
      <alignment horizontal="center" vertical="center"/>
    </xf>
    <xf numFmtId="0" fontId="9" fillId="4" borderId="22" xfId="0" applyNumberFormat="1" applyFont="1" applyFill="1" applyBorder="1" applyAlignment="1">
      <alignment horizontal="center" vertical="center"/>
    </xf>
    <xf numFmtId="0" fontId="9" fillId="2" borderId="124" xfId="0" applyNumberFormat="1" applyFont="1" applyFill="1" applyBorder="1" applyAlignment="1" applyProtection="1">
      <alignment horizontal="center" vertical="center"/>
      <protection locked="0"/>
    </xf>
    <xf numFmtId="0" fontId="31" fillId="2" borderId="90" xfId="0" applyNumberFormat="1" applyFont="1" applyFill="1" applyBorder="1" applyAlignment="1" applyProtection="1">
      <alignment horizontal="center" vertical="center"/>
      <protection locked="0"/>
    </xf>
    <xf numFmtId="0" fontId="31" fillId="2" borderId="89" xfId="0" applyNumberFormat="1" applyFont="1" applyFill="1" applyBorder="1" applyAlignment="1" applyProtection="1">
      <alignment horizontal="center" vertical="center"/>
      <protection locked="0"/>
    </xf>
    <xf numFmtId="0" fontId="31" fillId="2" borderId="91" xfId="0" applyNumberFormat="1" applyFont="1" applyFill="1" applyBorder="1" applyAlignment="1" applyProtection="1">
      <alignment horizontal="center" vertical="center"/>
      <protection locked="0"/>
    </xf>
    <xf numFmtId="0" fontId="9" fillId="4" borderId="0" xfId="0" applyNumberFormat="1" applyFont="1" applyFill="1" applyBorder="1" applyAlignment="1">
      <alignment horizontal="center" vertical="center"/>
    </xf>
    <xf numFmtId="0" fontId="9" fillId="4" borderId="7" xfId="0" applyNumberFormat="1" applyFont="1" applyFill="1" applyBorder="1" applyAlignment="1">
      <alignment horizontal="center" vertical="center"/>
    </xf>
    <xf numFmtId="0" fontId="31" fillId="2" borderId="0" xfId="0" applyNumberFormat="1" applyFont="1" applyFill="1" applyBorder="1" applyAlignment="1">
      <alignment horizontal="center" vertical="center"/>
    </xf>
    <xf numFmtId="0" fontId="9" fillId="2" borderId="130" xfId="0" applyNumberFormat="1" applyFont="1" applyFill="1" applyBorder="1" applyAlignment="1" applyProtection="1">
      <alignment horizontal="center" vertical="center"/>
      <protection locked="0"/>
    </xf>
    <xf numFmtId="0" fontId="31" fillId="4" borderId="45" xfId="0" applyNumberFormat="1" applyFont="1" applyFill="1" applyBorder="1" applyAlignment="1">
      <alignment horizontal="center" vertical="center"/>
    </xf>
    <xf numFmtId="0" fontId="31" fillId="4" borderId="46" xfId="0" applyNumberFormat="1" applyFont="1" applyFill="1" applyBorder="1" applyAlignment="1">
      <alignment horizontal="center" vertical="center"/>
    </xf>
    <xf numFmtId="0" fontId="31" fillId="4" borderId="47" xfId="0" applyNumberFormat="1" applyFont="1" applyFill="1" applyBorder="1" applyAlignment="1">
      <alignment horizontal="center" vertical="center"/>
    </xf>
    <xf numFmtId="0" fontId="20" fillId="2" borderId="0" xfId="0" applyNumberFormat="1" applyFont="1" applyFill="1" applyBorder="1" applyAlignment="1">
      <alignment horizontal="left" vertical="top"/>
    </xf>
    <xf numFmtId="49" fontId="20" fillId="2" borderId="0" xfId="0" applyNumberFormat="1" applyFont="1" applyFill="1" applyBorder="1" applyAlignment="1">
      <alignment horizontal="right" vertical="top"/>
    </xf>
    <xf numFmtId="0" fontId="31" fillId="4" borderId="86" xfId="0" applyNumberFormat="1" applyFont="1" applyFill="1" applyBorder="1" applyAlignment="1">
      <alignment horizontal="center" vertical="center" wrapText="1"/>
    </xf>
    <xf numFmtId="0" fontId="31" fillId="4" borderId="19" xfId="0" applyNumberFormat="1" applyFont="1" applyFill="1" applyBorder="1" applyAlignment="1">
      <alignment horizontal="center" vertical="center" wrapText="1"/>
    </xf>
    <xf numFmtId="0" fontId="31" fillId="4" borderId="85" xfId="0" applyNumberFormat="1" applyFont="1" applyFill="1" applyBorder="1" applyAlignment="1">
      <alignment horizontal="center" vertical="center" wrapText="1"/>
    </xf>
    <xf numFmtId="0" fontId="20" fillId="2" borderId="0" xfId="0" applyFont="1" applyFill="1" applyBorder="1" applyAlignment="1">
      <alignment horizontal="left" vertical="top" wrapText="1"/>
    </xf>
    <xf numFmtId="0" fontId="9" fillId="2" borderId="45" xfId="0" applyNumberFormat="1" applyFont="1" applyFill="1" applyBorder="1" applyAlignment="1" applyProtection="1">
      <alignment horizontal="center" vertical="center"/>
      <protection locked="0"/>
    </xf>
    <xf numFmtId="0" fontId="9" fillId="2" borderId="46" xfId="0" applyNumberFormat="1" applyFont="1" applyFill="1" applyBorder="1" applyAlignment="1" applyProtection="1">
      <alignment horizontal="center" vertical="center"/>
      <protection locked="0"/>
    </xf>
    <xf numFmtId="0" fontId="9" fillId="0" borderId="129" xfId="0" applyNumberFormat="1" applyFont="1" applyBorder="1" applyAlignment="1">
      <alignment horizontal="center" vertical="center" wrapText="1"/>
    </xf>
    <xf numFmtId="0" fontId="9" fillId="0" borderId="46" xfId="0" applyNumberFormat="1" applyFont="1" applyBorder="1" applyAlignment="1">
      <alignment horizontal="center" vertical="center" wrapText="1"/>
    </xf>
    <xf numFmtId="0" fontId="9" fillId="0" borderId="47" xfId="0" applyNumberFormat="1" applyFont="1" applyBorder="1" applyAlignment="1">
      <alignment horizontal="center" vertical="center" wrapText="1"/>
    </xf>
    <xf numFmtId="0" fontId="31" fillId="4" borderId="88" xfId="0" applyNumberFormat="1" applyFont="1" applyFill="1" applyBorder="1" applyAlignment="1">
      <alignment horizontal="center" vertical="center"/>
    </xf>
    <xf numFmtId="0" fontId="31" fillId="4" borderId="89" xfId="0" applyNumberFormat="1" applyFont="1" applyFill="1" applyBorder="1" applyAlignment="1">
      <alignment horizontal="center" vertical="center"/>
    </xf>
    <xf numFmtId="0" fontId="20" fillId="2" borderId="0" xfId="0" applyFont="1" applyFill="1" applyBorder="1" applyAlignment="1">
      <alignment horizontal="left" vertical="center"/>
    </xf>
    <xf numFmtId="0" fontId="20" fillId="2" borderId="0" xfId="0" applyFont="1" applyFill="1" applyBorder="1" applyAlignment="1">
      <alignment horizontal="left" vertical="center" wrapText="1"/>
    </xf>
    <xf numFmtId="0" fontId="31" fillId="4" borderId="131" xfId="0" applyNumberFormat="1" applyFont="1" applyFill="1" applyBorder="1" applyAlignment="1">
      <alignment horizontal="center" vertical="center" textRotation="255" wrapText="1"/>
    </xf>
    <xf numFmtId="0" fontId="31" fillId="4" borderId="13" xfId="0" applyNumberFormat="1" applyFont="1" applyFill="1" applyBorder="1" applyAlignment="1">
      <alignment horizontal="center" vertical="center" textRotation="255" wrapText="1"/>
    </xf>
    <xf numFmtId="0" fontId="9" fillId="2" borderId="0" xfId="0" applyFont="1" applyFill="1" applyBorder="1" applyAlignment="1">
      <alignment horizontal="center" vertical="center"/>
    </xf>
    <xf numFmtId="0" fontId="9" fillId="2" borderId="0" xfId="0" applyFont="1" applyFill="1" applyBorder="1" applyAlignment="1">
      <alignment horizontal="center"/>
    </xf>
    <xf numFmtId="0" fontId="9" fillId="3" borderId="0" xfId="0" applyNumberFormat="1" applyFont="1" applyFill="1" applyBorder="1" applyAlignment="1">
      <alignment horizontal="center" vertical="top"/>
    </xf>
    <xf numFmtId="0" fontId="9" fillId="3" borderId="0" xfId="0" applyNumberFormat="1" applyFont="1" applyFill="1" applyBorder="1" applyAlignment="1">
      <alignment horizontal="left" vertical="center"/>
    </xf>
    <xf numFmtId="0" fontId="9" fillId="0" borderId="0" xfId="0" applyFont="1" applyBorder="1" applyAlignment="1">
      <alignment horizontal="left"/>
    </xf>
    <xf numFmtId="0" fontId="31" fillId="4" borderId="19" xfId="0" applyNumberFormat="1" applyFont="1" applyFill="1" applyBorder="1" applyAlignment="1">
      <alignment horizontal="center" vertical="center"/>
    </xf>
    <xf numFmtId="0" fontId="31" fillId="4" borderId="20" xfId="0" applyNumberFormat="1" applyFont="1" applyFill="1" applyBorder="1" applyAlignment="1">
      <alignment horizontal="center" vertical="center"/>
    </xf>
    <xf numFmtId="0" fontId="31" fillId="4" borderId="119" xfId="0" applyNumberFormat="1" applyFont="1" applyFill="1" applyBorder="1" applyAlignment="1">
      <alignment horizontal="center" vertical="center"/>
    </xf>
    <xf numFmtId="0" fontId="31" fillId="4" borderId="120" xfId="0" applyNumberFormat="1" applyFont="1" applyFill="1" applyBorder="1" applyAlignment="1">
      <alignment horizontal="center" vertical="center"/>
    </xf>
    <xf numFmtId="0" fontId="31" fillId="4" borderId="84" xfId="0" applyNumberFormat="1" applyFont="1" applyFill="1" applyBorder="1" applyAlignment="1">
      <alignment horizontal="center" vertical="center" textRotation="255" wrapText="1"/>
    </xf>
    <xf numFmtId="0" fontId="31" fillId="4" borderId="19" xfId="0" applyNumberFormat="1" applyFont="1" applyFill="1" applyBorder="1" applyAlignment="1">
      <alignment horizontal="center" vertical="center" textRotation="255" wrapText="1"/>
    </xf>
    <xf numFmtId="0" fontId="31" fillId="4" borderId="26" xfId="0" applyNumberFormat="1" applyFont="1" applyFill="1" applyBorder="1" applyAlignment="1">
      <alignment horizontal="center" vertical="center" textRotation="255" wrapText="1"/>
    </xf>
    <xf numFmtId="0" fontId="31" fillId="4" borderId="0" xfId="0" applyNumberFormat="1" applyFont="1" applyFill="1" applyBorder="1" applyAlignment="1">
      <alignment horizontal="center" vertical="center" textRotation="255" wrapText="1"/>
    </xf>
    <xf numFmtId="0" fontId="31" fillId="4" borderId="125" xfId="0" applyNumberFormat="1" applyFont="1" applyFill="1" applyBorder="1" applyAlignment="1">
      <alignment horizontal="center" vertical="center" textRotation="255" wrapText="1"/>
    </xf>
    <xf numFmtId="0" fontId="31" fillId="4" borderId="12" xfId="0" applyNumberFormat="1" applyFont="1" applyFill="1" applyBorder="1" applyAlignment="1">
      <alignment horizontal="center" vertical="center" textRotation="255" wrapText="1"/>
    </xf>
    <xf numFmtId="49" fontId="31" fillId="4" borderId="89" xfId="0" applyNumberFormat="1" applyFont="1" applyFill="1" applyBorder="1" applyAlignment="1">
      <alignment horizontal="center" vertical="center"/>
    </xf>
    <xf numFmtId="49" fontId="31" fillId="4" borderId="142" xfId="0" applyNumberFormat="1" applyFont="1" applyFill="1" applyBorder="1" applyAlignment="1">
      <alignment horizontal="center" vertical="center"/>
    </xf>
    <xf numFmtId="0" fontId="9" fillId="2" borderId="45" xfId="0" applyNumberFormat="1" applyFont="1" applyFill="1" applyBorder="1" applyAlignment="1">
      <alignment horizontal="center" vertical="center" wrapText="1"/>
    </xf>
    <xf numFmtId="0" fontId="9" fillId="2" borderId="46" xfId="0" applyNumberFormat="1" applyFont="1" applyFill="1" applyBorder="1" applyAlignment="1">
      <alignment horizontal="center" vertical="center" wrapText="1"/>
    </xf>
    <xf numFmtId="0" fontId="9" fillId="2" borderId="47" xfId="0" applyNumberFormat="1" applyFont="1" applyFill="1" applyBorder="1" applyAlignment="1">
      <alignment horizontal="center" vertical="center" wrapText="1"/>
    </xf>
    <xf numFmtId="0" fontId="9" fillId="2" borderId="126" xfId="0" applyNumberFormat="1" applyFont="1" applyFill="1" applyBorder="1" applyAlignment="1" applyProtection="1">
      <alignment horizontal="center" vertical="center"/>
      <protection locked="0"/>
    </xf>
    <xf numFmtId="0" fontId="31" fillId="0" borderId="134" xfId="0" applyNumberFormat="1" applyFont="1" applyFill="1" applyBorder="1" applyAlignment="1" applyProtection="1">
      <alignment horizontal="left" vertical="center" wrapText="1"/>
      <protection locked="0"/>
    </xf>
    <xf numFmtId="0" fontId="31" fillId="0" borderId="13" xfId="0" applyNumberFormat="1" applyFont="1" applyFill="1" applyBorder="1" applyAlignment="1" applyProtection="1">
      <alignment horizontal="left" vertical="center" wrapText="1"/>
      <protection locked="0"/>
    </xf>
    <xf numFmtId="0" fontId="31" fillId="0" borderId="136" xfId="0" applyNumberFormat="1" applyFont="1" applyFill="1" applyBorder="1" applyAlignment="1" applyProtection="1">
      <alignment horizontal="left" vertical="center" wrapText="1"/>
      <protection locked="0"/>
    </xf>
    <xf numFmtId="0" fontId="9" fillId="4" borderId="39" xfId="0" applyNumberFormat="1" applyFont="1" applyFill="1" applyBorder="1" applyAlignment="1">
      <alignment horizontal="center" vertical="center"/>
    </xf>
    <xf numFmtId="0" fontId="31" fillId="4" borderId="140" xfId="0" applyNumberFormat="1" applyFont="1" applyFill="1" applyBorder="1" applyAlignment="1">
      <alignment horizontal="center" vertical="center" wrapText="1"/>
    </xf>
    <xf numFmtId="0" fontId="31" fillId="4" borderId="120" xfId="0" applyNumberFormat="1" applyFont="1" applyFill="1" applyBorder="1" applyAlignment="1">
      <alignment horizontal="center" vertical="center" wrapText="1"/>
    </xf>
    <xf numFmtId="0" fontId="49" fillId="0" borderId="122" xfId="0" applyNumberFormat="1" applyFont="1" applyFill="1" applyBorder="1" applyAlignment="1" applyProtection="1">
      <alignment horizontal="center" vertical="center" wrapText="1"/>
      <protection locked="0"/>
    </xf>
    <xf numFmtId="0" fontId="49" fillId="0" borderId="120" xfId="0" applyNumberFormat="1" applyFont="1" applyFill="1" applyBorder="1" applyAlignment="1" applyProtection="1">
      <alignment horizontal="center" vertical="center" wrapText="1"/>
      <protection locked="0"/>
    </xf>
    <xf numFmtId="0" fontId="49" fillId="0" borderId="141" xfId="0" applyNumberFormat="1" applyFont="1" applyFill="1" applyBorder="1" applyAlignment="1" applyProtection="1">
      <alignment horizontal="center" vertical="center" wrapText="1"/>
      <protection locked="0"/>
    </xf>
    <xf numFmtId="0" fontId="31" fillId="4" borderId="8" xfId="0" applyNumberFormat="1" applyFont="1" applyFill="1" applyBorder="1" applyAlignment="1">
      <alignment horizontal="center" vertical="center"/>
    </xf>
    <xf numFmtId="0" fontId="31" fillId="4" borderId="0" xfId="0" applyNumberFormat="1" applyFont="1" applyFill="1" applyBorder="1" applyAlignment="1">
      <alignment horizontal="center" vertical="center"/>
    </xf>
    <xf numFmtId="0" fontId="31" fillId="4" borderId="7" xfId="0" applyNumberFormat="1" applyFont="1" applyFill="1" applyBorder="1" applyAlignment="1">
      <alignment horizontal="center" vertical="center"/>
    </xf>
    <xf numFmtId="0" fontId="31" fillId="0" borderId="4" xfId="0" applyNumberFormat="1" applyFont="1" applyFill="1" applyBorder="1" applyAlignment="1" applyProtection="1">
      <alignment horizontal="center" vertical="top"/>
      <protection locked="0"/>
    </xf>
    <xf numFmtId="0" fontId="31" fillId="0" borderId="5" xfId="0" applyNumberFormat="1" applyFont="1" applyFill="1" applyBorder="1" applyAlignment="1" applyProtection="1">
      <alignment horizontal="center" vertical="top"/>
      <protection locked="0"/>
    </xf>
    <xf numFmtId="0" fontId="31" fillId="0" borderId="58" xfId="0" applyNumberFormat="1" applyFont="1" applyFill="1" applyBorder="1" applyAlignment="1" applyProtection="1">
      <alignment horizontal="center" vertical="top"/>
      <protection locked="0"/>
    </xf>
    <xf numFmtId="0" fontId="48" fillId="0" borderId="14" xfId="0" applyNumberFormat="1" applyFont="1" applyFill="1" applyBorder="1" applyAlignment="1" applyProtection="1">
      <alignment horizontal="center" vertical="center"/>
      <protection locked="0"/>
    </xf>
    <xf numFmtId="0" fontId="48" fillId="0" borderId="12" xfId="0" applyNumberFormat="1" applyFont="1" applyFill="1" applyBorder="1" applyAlignment="1" applyProtection="1">
      <alignment horizontal="center" vertical="center"/>
      <protection locked="0"/>
    </xf>
    <xf numFmtId="0" fontId="48" fillId="0" borderId="21" xfId="0" applyNumberFormat="1" applyFont="1" applyFill="1" applyBorder="1" applyAlignment="1" applyProtection="1">
      <alignment horizontal="center" vertical="center"/>
      <protection locked="0"/>
    </xf>
    <xf numFmtId="0" fontId="31" fillId="0" borderId="120" xfId="0" applyNumberFormat="1" applyFont="1" applyFill="1" applyBorder="1" applyAlignment="1" applyProtection="1">
      <alignment horizontal="center" vertical="center"/>
      <protection locked="0"/>
    </xf>
    <xf numFmtId="0" fontId="31" fillId="4" borderId="39" xfId="0" applyNumberFormat="1" applyFont="1" applyFill="1" applyBorder="1" applyAlignment="1">
      <alignment horizontal="center" vertical="center"/>
    </xf>
    <xf numFmtId="0" fontId="31" fillId="4" borderId="31" xfId="0" applyNumberFormat="1" applyFont="1" applyFill="1" applyBorder="1" applyAlignment="1">
      <alignment horizontal="center" vertical="center"/>
    </xf>
    <xf numFmtId="0" fontId="31" fillId="4" borderId="11" xfId="0" applyNumberFormat="1" applyFont="1" applyFill="1" applyBorder="1" applyAlignment="1">
      <alignment horizontal="center" vertical="center"/>
    </xf>
    <xf numFmtId="0" fontId="31" fillId="4" borderId="12" xfId="0" applyNumberFormat="1" applyFont="1" applyFill="1" applyBorder="1" applyAlignment="1">
      <alignment horizontal="center" vertical="center"/>
    </xf>
    <xf numFmtId="0" fontId="31" fillId="0" borderId="139" xfId="0" applyFont="1" applyFill="1" applyBorder="1" applyAlignment="1" applyProtection="1">
      <alignment horizontal="center" vertical="center"/>
      <protection locked="0"/>
    </xf>
    <xf numFmtId="0" fontId="31" fillId="4" borderId="132" xfId="0" applyNumberFormat="1" applyFont="1" applyFill="1" applyBorder="1" applyAlignment="1">
      <alignment horizontal="center" vertical="center"/>
    </xf>
    <xf numFmtId="0" fontId="31" fillId="4" borderId="133" xfId="0" applyNumberFormat="1" applyFont="1" applyFill="1" applyBorder="1" applyAlignment="1">
      <alignment horizontal="center" vertical="center"/>
    </xf>
    <xf numFmtId="0" fontId="31" fillId="4" borderId="135" xfId="0" applyNumberFormat="1" applyFont="1" applyFill="1" applyBorder="1" applyAlignment="1">
      <alignment horizontal="center" vertical="center"/>
    </xf>
    <xf numFmtId="0" fontId="35" fillId="4" borderId="139" xfId="0" applyFont="1" applyFill="1" applyBorder="1" applyAlignment="1">
      <alignment horizontal="center" vertical="center"/>
    </xf>
    <xf numFmtId="0" fontId="46" fillId="0" borderId="13" xfId="0" applyNumberFormat="1" applyFont="1" applyFill="1" applyBorder="1" applyAlignment="1">
      <alignment horizontal="center" vertical="center"/>
    </xf>
    <xf numFmtId="0" fontId="31" fillId="0" borderId="134" xfId="0" applyNumberFormat="1" applyFont="1" applyFill="1" applyBorder="1" applyAlignment="1" applyProtection="1">
      <alignment horizontal="center" vertical="center"/>
      <protection locked="0"/>
    </xf>
    <xf numFmtId="0" fontId="31" fillId="0" borderId="13" xfId="0" applyNumberFormat="1" applyFont="1" applyFill="1" applyBorder="1" applyAlignment="1" applyProtection="1">
      <alignment horizontal="center" vertical="center"/>
      <protection locked="0"/>
    </xf>
    <xf numFmtId="0" fontId="0" fillId="0" borderId="19" xfId="0" applyBorder="1"/>
    <xf numFmtId="0" fontId="0" fillId="0" borderId="26" xfId="0" applyBorder="1"/>
    <xf numFmtId="0" fontId="0" fillId="0" borderId="0" xfId="0"/>
    <xf numFmtId="0" fontId="0" fillId="0" borderId="28" xfId="0" applyBorder="1"/>
    <xf numFmtId="0" fontId="0" fillId="0" borderId="25" xfId="0" applyBorder="1"/>
    <xf numFmtId="0" fontId="31" fillId="0" borderId="1" xfId="0" applyNumberFormat="1" applyFont="1" applyFill="1" applyBorder="1" applyAlignment="1">
      <alignment horizontal="center" vertical="center" wrapText="1"/>
    </xf>
    <xf numFmtId="0" fontId="31" fillId="0" borderId="3" xfId="0" applyNumberFormat="1" applyFont="1" applyFill="1" applyBorder="1" applyAlignment="1">
      <alignment horizontal="center" vertical="center" wrapText="1"/>
    </xf>
    <xf numFmtId="0" fontId="31" fillId="0" borderId="4" xfId="0" applyNumberFormat="1" applyFont="1" applyFill="1" applyBorder="1" applyAlignment="1">
      <alignment horizontal="center" vertical="center" wrapText="1"/>
    </xf>
    <xf numFmtId="0" fontId="31" fillId="0" borderId="6" xfId="0" applyNumberFormat="1" applyFont="1" applyFill="1" applyBorder="1" applyAlignment="1">
      <alignment horizontal="center" vertical="center" wrapText="1"/>
    </xf>
    <xf numFmtId="0" fontId="31" fillId="0" borderId="1" xfId="0" applyNumberFormat="1" applyFont="1" applyFill="1" applyBorder="1" applyAlignment="1" applyProtection="1">
      <alignment horizontal="center" vertical="center" wrapText="1"/>
      <protection locked="0"/>
    </xf>
    <xf numFmtId="0" fontId="31" fillId="0" borderId="2" xfId="0" applyNumberFormat="1" applyFont="1" applyFill="1" applyBorder="1" applyAlignment="1" applyProtection="1">
      <alignment horizontal="center" vertical="center" wrapText="1"/>
      <protection locked="0"/>
    </xf>
    <xf numFmtId="0" fontId="31" fillId="0" borderId="3" xfId="0" applyNumberFormat="1" applyFont="1" applyFill="1" applyBorder="1" applyAlignment="1" applyProtection="1">
      <alignment horizontal="center" vertical="center" wrapText="1"/>
      <protection locked="0"/>
    </xf>
    <xf numFmtId="0" fontId="31" fillId="0" borderId="4" xfId="0" applyNumberFormat="1" applyFont="1" applyFill="1" applyBorder="1" applyAlignment="1" applyProtection="1">
      <alignment horizontal="center" vertical="center" wrapText="1"/>
      <protection locked="0"/>
    </xf>
    <xf numFmtId="0" fontId="31" fillId="0" borderId="5" xfId="0" applyNumberFormat="1" applyFont="1" applyFill="1" applyBorder="1" applyAlignment="1" applyProtection="1">
      <alignment horizontal="center" vertical="center" wrapText="1"/>
      <protection locked="0"/>
    </xf>
    <xf numFmtId="0" fontId="31" fillId="0" borderId="6" xfId="0" applyNumberFormat="1" applyFont="1" applyFill="1" applyBorder="1" applyAlignment="1" applyProtection="1">
      <alignment horizontal="center" vertical="center" wrapText="1"/>
      <protection locked="0"/>
    </xf>
    <xf numFmtId="0" fontId="9" fillId="0" borderId="4" xfId="0" applyNumberFormat="1" applyFont="1" applyFill="1" applyBorder="1" applyAlignment="1" applyProtection="1">
      <alignment horizontal="center" vertical="center" wrapText="1"/>
      <protection locked="0"/>
    </xf>
    <xf numFmtId="0" fontId="9" fillId="0" borderId="5" xfId="0" applyNumberFormat="1" applyFont="1" applyFill="1" applyBorder="1" applyAlignment="1" applyProtection="1">
      <alignment horizontal="center" vertical="center" wrapText="1"/>
      <protection locked="0"/>
    </xf>
    <xf numFmtId="0" fontId="9" fillId="0" borderId="5" xfId="0" applyNumberFormat="1" applyFont="1" applyFill="1" applyBorder="1" applyAlignment="1">
      <alignment horizontal="center" vertical="center" wrapText="1"/>
    </xf>
    <xf numFmtId="49" fontId="31" fillId="4" borderId="86" xfId="0" applyNumberFormat="1" applyFont="1" applyFill="1" applyBorder="1" applyAlignment="1">
      <alignment horizontal="center" vertical="center"/>
    </xf>
    <xf numFmtId="49" fontId="31" fillId="4" borderId="19" xfId="0" applyNumberFormat="1" applyFont="1" applyFill="1" applyBorder="1" applyAlignment="1">
      <alignment horizontal="center" vertical="center"/>
    </xf>
    <xf numFmtId="0" fontId="9" fillId="4" borderId="8" xfId="0" applyNumberFormat="1" applyFont="1" applyFill="1" applyBorder="1" applyAlignment="1">
      <alignment horizontal="center" vertical="center"/>
    </xf>
    <xf numFmtId="0" fontId="9" fillId="4" borderId="8" xfId="0" applyNumberFormat="1" applyFont="1" applyFill="1" applyBorder="1" applyAlignment="1">
      <alignment horizontal="center" vertical="center" wrapText="1"/>
    </xf>
    <xf numFmtId="0" fontId="9" fillId="4" borderId="0" xfId="0" applyNumberFormat="1" applyFont="1" applyFill="1" applyBorder="1" applyAlignment="1">
      <alignment horizontal="center" vertical="center" wrapText="1"/>
    </xf>
    <xf numFmtId="0" fontId="9" fillId="4" borderId="7" xfId="0" applyNumberFormat="1" applyFont="1" applyFill="1" applyBorder="1" applyAlignment="1">
      <alignment horizontal="center" vertical="center" wrapText="1"/>
    </xf>
    <xf numFmtId="0" fontId="31" fillId="4" borderId="152" xfId="0" applyNumberFormat="1" applyFont="1" applyFill="1" applyBorder="1" applyAlignment="1">
      <alignment horizontal="center" vertical="center"/>
    </xf>
    <xf numFmtId="0" fontId="31" fillId="4" borderId="2" xfId="0" applyNumberFormat="1" applyFont="1" applyFill="1" applyBorder="1" applyAlignment="1">
      <alignment horizontal="center" vertical="center"/>
    </xf>
    <xf numFmtId="0" fontId="31" fillId="4" borderId="3" xfId="0" applyNumberFormat="1" applyFont="1" applyFill="1" applyBorder="1" applyAlignment="1">
      <alignment horizontal="center" vertical="center"/>
    </xf>
    <xf numFmtId="0" fontId="31" fillId="4" borderId="73" xfId="0" applyNumberFormat="1" applyFont="1" applyFill="1" applyBorder="1" applyAlignment="1">
      <alignment horizontal="center" vertical="center"/>
    </xf>
    <xf numFmtId="0" fontId="31" fillId="4" borderId="25" xfId="0" applyNumberFormat="1" applyFont="1" applyFill="1" applyBorder="1" applyAlignment="1">
      <alignment horizontal="center" vertical="center"/>
    </xf>
    <xf numFmtId="0" fontId="31" fillId="4" borderId="62" xfId="0" applyNumberFormat="1" applyFont="1" applyFill="1" applyBorder="1" applyAlignment="1">
      <alignment horizontal="center" vertical="center"/>
    </xf>
    <xf numFmtId="0" fontId="48" fillId="2" borderId="1" xfId="0" applyNumberFormat="1" applyFont="1" applyFill="1" applyBorder="1" applyAlignment="1" applyProtection="1">
      <alignment horizontal="center" vertical="center"/>
      <protection locked="0"/>
    </xf>
    <xf numFmtId="0" fontId="48" fillId="2" borderId="2" xfId="0" applyNumberFormat="1" applyFont="1" applyFill="1" applyBorder="1" applyAlignment="1" applyProtection="1">
      <alignment horizontal="center" vertical="center"/>
      <protection locked="0"/>
    </xf>
    <xf numFmtId="0" fontId="48" fillId="2" borderId="34" xfId="0" applyNumberFormat="1" applyFont="1" applyFill="1" applyBorder="1" applyAlignment="1" applyProtection="1">
      <alignment horizontal="center" vertical="center"/>
      <protection locked="0"/>
    </xf>
    <xf numFmtId="0" fontId="48" fillId="2" borderId="54" xfId="0" applyNumberFormat="1" applyFont="1" applyFill="1" applyBorder="1" applyAlignment="1" applyProtection="1">
      <alignment horizontal="center" vertical="center"/>
      <protection locked="0"/>
    </xf>
    <xf numFmtId="0" fontId="48" fillId="2" borderId="25" xfId="0" applyNumberFormat="1" applyFont="1" applyFill="1" applyBorder="1" applyAlignment="1" applyProtection="1">
      <alignment horizontal="center" vertical="center"/>
      <protection locked="0"/>
    </xf>
    <xf numFmtId="0" fontId="48" fillId="2" borderId="29" xfId="0" applyNumberFormat="1" applyFont="1" applyFill="1" applyBorder="1" applyAlignment="1" applyProtection="1">
      <alignment horizontal="center" vertical="center"/>
      <protection locked="0"/>
    </xf>
    <xf numFmtId="0" fontId="9" fillId="0" borderId="2" xfId="0" applyNumberFormat="1" applyFont="1" applyFill="1" applyBorder="1" applyAlignment="1">
      <alignment horizontal="center" vertical="center" wrapText="1"/>
    </xf>
    <xf numFmtId="0" fontId="9" fillId="0" borderId="2" xfId="0" applyNumberFormat="1" applyFont="1" applyFill="1" applyBorder="1" applyAlignment="1" applyProtection="1">
      <alignment horizontal="center" vertical="center" wrapText="1"/>
      <protection locked="0"/>
    </xf>
    <xf numFmtId="0" fontId="9" fillId="0" borderId="3" xfId="0" applyNumberFormat="1" applyFont="1" applyFill="1" applyBorder="1" applyAlignment="1">
      <alignment horizontal="center" vertical="center" wrapText="1"/>
    </xf>
    <xf numFmtId="0" fontId="31" fillId="0" borderId="122" xfId="0" applyNumberFormat="1" applyFont="1" applyFill="1" applyBorder="1" applyAlignment="1" applyProtection="1">
      <alignment horizontal="center" vertical="center"/>
      <protection locked="0"/>
    </xf>
    <xf numFmtId="0" fontId="9" fillId="0" borderId="6" xfId="0" applyNumberFormat="1" applyFont="1" applyFill="1" applyBorder="1" applyAlignment="1">
      <alignment horizontal="center" vertical="center" wrapText="1"/>
    </xf>
    <xf numFmtId="0" fontId="9" fillId="0" borderId="1" xfId="0" applyNumberFormat="1" applyFont="1" applyFill="1" applyBorder="1" applyAlignment="1" applyProtection="1">
      <alignment horizontal="center" vertical="center" wrapText="1"/>
      <protection locked="0"/>
    </xf>
    <xf numFmtId="0" fontId="31" fillId="4" borderId="43" xfId="0" applyNumberFormat="1" applyFont="1" applyFill="1" applyBorder="1" applyAlignment="1">
      <alignment horizontal="center" vertical="center" wrapText="1"/>
    </xf>
    <xf numFmtId="0" fontId="31" fillId="4" borderId="31" xfId="0" applyNumberFormat="1" applyFont="1" applyFill="1" applyBorder="1" applyAlignment="1">
      <alignment horizontal="center" vertical="center" wrapText="1"/>
    </xf>
    <xf numFmtId="0" fontId="31" fillId="4" borderId="22" xfId="0" applyNumberFormat="1" applyFont="1" applyFill="1" applyBorder="1" applyAlignment="1">
      <alignment horizontal="center" vertical="center" wrapText="1"/>
    </xf>
    <xf numFmtId="0" fontId="31" fillId="4" borderId="14" xfId="0" applyNumberFormat="1" applyFont="1" applyFill="1" applyBorder="1" applyAlignment="1">
      <alignment horizontal="center" vertical="center" wrapText="1"/>
    </xf>
    <xf numFmtId="0" fontId="31" fillId="4" borderId="12" xfId="0" applyNumberFormat="1" applyFont="1" applyFill="1" applyBorder="1" applyAlignment="1">
      <alignment horizontal="center" vertical="center" wrapText="1"/>
    </xf>
    <xf numFmtId="0" fontId="31" fillId="4" borderId="15" xfId="0" applyNumberFormat="1" applyFont="1" applyFill="1" applyBorder="1" applyAlignment="1">
      <alignment horizontal="center" vertical="center" wrapText="1"/>
    </xf>
    <xf numFmtId="0" fontId="9" fillId="0" borderId="92" xfId="0" applyNumberFormat="1" applyFont="1" applyFill="1" applyBorder="1" applyAlignment="1" applyProtection="1">
      <alignment horizontal="center" vertical="center" wrapText="1"/>
      <protection locked="0"/>
    </xf>
    <xf numFmtId="0" fontId="9" fillId="0" borderId="58" xfId="0" applyNumberFormat="1" applyFont="1" applyFill="1" applyBorder="1" applyAlignment="1" applyProtection="1">
      <alignment horizontal="center" vertical="center" wrapText="1"/>
      <protection locked="0"/>
    </xf>
    <xf numFmtId="0" fontId="31" fillId="2" borderId="31" xfId="0" applyNumberFormat="1" applyFont="1" applyFill="1" applyBorder="1" applyAlignment="1" applyProtection="1">
      <alignment horizontal="center" vertical="center"/>
      <protection locked="0"/>
    </xf>
    <xf numFmtId="0" fontId="31" fillId="2" borderId="25" xfId="0" applyNumberFormat="1" applyFont="1" applyFill="1" applyBorder="1" applyAlignment="1" applyProtection="1">
      <alignment horizontal="center" vertical="center"/>
      <protection locked="0"/>
    </xf>
    <xf numFmtId="0" fontId="31" fillId="2" borderId="31" xfId="0" applyNumberFormat="1" applyFont="1" applyFill="1" applyBorder="1" applyAlignment="1">
      <alignment horizontal="center" vertical="center"/>
    </xf>
    <xf numFmtId="0" fontId="31" fillId="2" borderId="25" xfId="0" applyNumberFormat="1" applyFont="1" applyFill="1" applyBorder="1" applyAlignment="1">
      <alignment horizontal="center" vertical="center"/>
    </xf>
    <xf numFmtId="0" fontId="31" fillId="2" borderId="43" xfId="0" applyNumberFormat="1" applyFont="1" applyFill="1" applyBorder="1" applyAlignment="1">
      <alignment horizontal="center" vertical="center"/>
    </xf>
    <xf numFmtId="0" fontId="31" fillId="2" borderId="54" xfId="0" applyNumberFormat="1" applyFont="1" applyFill="1" applyBorder="1" applyAlignment="1">
      <alignment horizontal="center" vertical="center"/>
    </xf>
    <xf numFmtId="0" fontId="31" fillId="4" borderId="30" xfId="0" applyNumberFormat="1" applyFont="1" applyFill="1" applyBorder="1" applyAlignment="1">
      <alignment horizontal="center" vertical="center"/>
    </xf>
    <xf numFmtId="0" fontId="31" fillId="4" borderId="22" xfId="0" applyNumberFormat="1" applyFont="1" applyFill="1" applyBorder="1" applyAlignment="1">
      <alignment horizontal="center" vertical="center"/>
    </xf>
    <xf numFmtId="0" fontId="31" fillId="4" borderId="28" xfId="0" applyNumberFormat="1" applyFont="1" applyFill="1" applyBorder="1" applyAlignment="1">
      <alignment horizontal="center" vertical="center"/>
    </xf>
    <xf numFmtId="0" fontId="46" fillId="0" borderId="31" xfId="0" applyNumberFormat="1" applyFont="1" applyFill="1" applyBorder="1" applyAlignment="1" applyProtection="1">
      <alignment horizontal="center" vertical="center"/>
      <protection locked="0"/>
    </xf>
    <xf numFmtId="0" fontId="46" fillId="0" borderId="32" xfId="0" applyNumberFormat="1" applyFont="1" applyFill="1" applyBorder="1" applyAlignment="1" applyProtection="1">
      <alignment horizontal="center" vertical="center"/>
      <protection locked="0"/>
    </xf>
    <xf numFmtId="0" fontId="46" fillId="0" borderId="25" xfId="0" applyNumberFormat="1" applyFont="1" applyFill="1" applyBorder="1" applyAlignment="1" applyProtection="1">
      <alignment horizontal="center" vertical="center"/>
      <protection locked="0"/>
    </xf>
    <xf numFmtId="0" fontId="46" fillId="0" borderId="29" xfId="0" applyNumberFormat="1" applyFont="1" applyFill="1" applyBorder="1" applyAlignment="1" applyProtection="1">
      <alignment horizontal="center" vertical="center"/>
      <protection locked="0"/>
    </xf>
    <xf numFmtId="0" fontId="31" fillId="0" borderId="1" xfId="0" applyNumberFormat="1" applyFont="1" applyFill="1" applyBorder="1" applyAlignment="1" applyProtection="1">
      <alignment horizontal="center" vertical="center" textRotation="255" wrapText="1"/>
      <protection locked="0"/>
    </xf>
    <xf numFmtId="0" fontId="31" fillId="0" borderId="2" xfId="0" applyNumberFormat="1" applyFont="1" applyFill="1" applyBorder="1" applyAlignment="1" applyProtection="1">
      <alignment horizontal="center" vertical="center" textRotation="255" wrapText="1"/>
      <protection locked="0"/>
    </xf>
    <xf numFmtId="0" fontId="31" fillId="0" borderId="3" xfId="0" applyNumberFormat="1" applyFont="1" applyFill="1" applyBorder="1" applyAlignment="1" applyProtection="1">
      <alignment horizontal="center" vertical="center" textRotation="255" wrapText="1"/>
      <protection locked="0"/>
    </xf>
    <xf numFmtId="0" fontId="31" fillId="0" borderId="4" xfId="0" applyNumberFormat="1" applyFont="1" applyFill="1" applyBorder="1" applyAlignment="1" applyProtection="1">
      <alignment horizontal="center" vertical="center" textRotation="255" wrapText="1"/>
      <protection locked="0"/>
    </xf>
    <xf numFmtId="0" fontId="31" fillId="0" borderId="5" xfId="0" applyNumberFormat="1" applyFont="1" applyFill="1" applyBorder="1" applyAlignment="1" applyProtection="1">
      <alignment horizontal="center" vertical="center" textRotation="255" wrapText="1"/>
      <protection locked="0"/>
    </xf>
    <xf numFmtId="0" fontId="31" fillId="0" borderId="6" xfId="0" applyNumberFormat="1" applyFont="1" applyFill="1" applyBorder="1" applyAlignment="1" applyProtection="1">
      <alignment horizontal="center" vertical="center" textRotation="255" wrapText="1"/>
      <protection locked="0"/>
    </xf>
    <xf numFmtId="0" fontId="31" fillId="0" borderId="120" xfId="0" applyNumberFormat="1" applyFont="1" applyFill="1" applyBorder="1" applyAlignment="1">
      <alignment horizontal="center" vertical="center"/>
    </xf>
    <xf numFmtId="0" fontId="31" fillId="0" borderId="54" xfId="0" applyNumberFormat="1" applyFont="1" applyFill="1" applyBorder="1" applyAlignment="1" applyProtection="1">
      <alignment horizontal="center" vertical="center" wrapText="1"/>
      <protection locked="0"/>
    </xf>
    <xf numFmtId="0" fontId="31" fillId="0" borderId="25" xfId="0" applyNumberFormat="1" applyFont="1" applyFill="1" applyBorder="1" applyAlignment="1" applyProtection="1">
      <alignment horizontal="center" vertical="center" wrapText="1"/>
      <protection locked="0"/>
    </xf>
    <xf numFmtId="0" fontId="31" fillId="0" borderId="62" xfId="0" applyNumberFormat="1" applyFont="1" applyFill="1" applyBorder="1" applyAlignment="1" applyProtection="1">
      <alignment horizontal="center" vertical="center" wrapText="1"/>
      <protection locked="0"/>
    </xf>
    <xf numFmtId="0" fontId="9" fillId="2" borderId="47" xfId="0" applyNumberFormat="1" applyFont="1" applyFill="1" applyBorder="1" applyAlignment="1" applyProtection="1">
      <alignment horizontal="center" vertical="center"/>
      <protection locked="0"/>
    </xf>
    <xf numFmtId="0" fontId="9" fillId="2" borderId="127" xfId="0" applyNumberFormat="1" applyFont="1" applyFill="1" applyBorder="1" applyAlignment="1" applyProtection="1">
      <alignment horizontal="center" vertical="center"/>
      <protection locked="0"/>
    </xf>
    <xf numFmtId="0" fontId="9" fillId="2" borderId="128" xfId="0" applyNumberFormat="1" applyFont="1" applyFill="1" applyBorder="1" applyAlignment="1" applyProtection="1">
      <alignment horizontal="center" vertical="center"/>
      <protection locked="0"/>
    </xf>
    <xf numFmtId="0" fontId="9" fillId="0" borderId="25" xfId="0" applyNumberFormat="1" applyFont="1" applyFill="1" applyBorder="1" applyAlignment="1" applyProtection="1">
      <alignment horizontal="center" vertical="center" wrapText="1"/>
      <protection locked="0"/>
    </xf>
    <xf numFmtId="0" fontId="9" fillId="0" borderId="25" xfId="0" applyNumberFormat="1" applyFont="1" applyFill="1" applyBorder="1" applyAlignment="1">
      <alignment horizontal="center" vertical="center" wrapText="1"/>
    </xf>
    <xf numFmtId="0" fontId="9" fillId="0" borderId="62" xfId="0" applyNumberFormat="1" applyFont="1" applyFill="1" applyBorder="1" applyAlignment="1">
      <alignment horizontal="center" vertical="center" wrapText="1"/>
    </xf>
    <xf numFmtId="0" fontId="37" fillId="0" borderId="43" xfId="0" applyNumberFormat="1" applyFont="1" applyFill="1" applyBorder="1" applyAlignment="1">
      <alignment horizontal="center" vertical="center"/>
    </xf>
    <xf numFmtId="0" fontId="37" fillId="0" borderId="31" xfId="0" applyNumberFormat="1" applyFont="1" applyFill="1" applyBorder="1" applyAlignment="1">
      <alignment horizontal="center" vertical="center"/>
    </xf>
    <xf numFmtId="0" fontId="37" fillId="0" borderId="54" xfId="0" applyNumberFormat="1" applyFont="1" applyFill="1" applyBorder="1" applyAlignment="1">
      <alignment horizontal="center" vertical="center"/>
    </xf>
    <xf numFmtId="0" fontId="37" fillId="0" borderId="25" xfId="0" applyNumberFormat="1" applyFont="1" applyFill="1" applyBorder="1" applyAlignment="1">
      <alignment horizontal="center" vertical="center"/>
    </xf>
    <xf numFmtId="0" fontId="37" fillId="0" borderId="31" xfId="0" applyNumberFormat="1" applyFont="1" applyFill="1" applyBorder="1" applyAlignment="1" applyProtection="1">
      <alignment horizontal="center" vertical="center"/>
      <protection locked="0"/>
    </xf>
    <xf numFmtId="0" fontId="37" fillId="0" borderId="25" xfId="0" applyNumberFormat="1" applyFont="1" applyFill="1" applyBorder="1" applyAlignment="1" applyProtection="1">
      <alignment horizontal="center" vertical="center"/>
      <protection locked="0"/>
    </xf>
    <xf numFmtId="0" fontId="31" fillId="0" borderId="54" xfId="0" applyNumberFormat="1" applyFont="1" applyFill="1" applyBorder="1" applyAlignment="1">
      <alignment horizontal="center" vertical="center" wrapText="1"/>
    </xf>
    <xf numFmtId="0" fontId="31" fillId="0" borderId="62" xfId="0" applyNumberFormat="1" applyFont="1" applyFill="1" applyBorder="1" applyAlignment="1">
      <alignment horizontal="center" vertical="center" wrapText="1"/>
    </xf>
    <xf numFmtId="0" fontId="31" fillId="0" borderId="31" xfId="0" applyNumberFormat="1" applyFont="1" applyFill="1" applyBorder="1" applyAlignment="1">
      <alignment horizontal="center" vertical="center"/>
    </xf>
    <xf numFmtId="0" fontId="31" fillId="0" borderId="12" xfId="0" applyNumberFormat="1" applyFont="1" applyFill="1" applyBorder="1" applyAlignment="1">
      <alignment horizontal="center" vertical="center"/>
    </xf>
    <xf numFmtId="0" fontId="9" fillId="0" borderId="54" xfId="0" applyNumberFormat="1" applyFont="1" applyFill="1" applyBorder="1" applyAlignment="1" applyProtection="1">
      <alignment horizontal="center" vertical="center" wrapText="1"/>
      <protection locked="0"/>
    </xf>
    <xf numFmtId="0" fontId="9" fillId="0" borderId="93" xfId="0" applyNumberFormat="1" applyFont="1" applyFill="1" applyBorder="1" applyAlignment="1" applyProtection="1">
      <alignment horizontal="center" vertical="center" wrapText="1"/>
      <protection locked="0"/>
    </xf>
    <xf numFmtId="0" fontId="31" fillId="2" borderId="12" xfId="0" applyNumberFormat="1" applyFont="1" applyFill="1" applyBorder="1" applyAlignment="1" applyProtection="1">
      <alignment horizontal="center" vertical="center"/>
      <protection locked="0"/>
    </xf>
    <xf numFmtId="0" fontId="31" fillId="2" borderId="1" xfId="0" applyNumberFormat="1" applyFont="1" applyFill="1" applyBorder="1" applyAlignment="1" applyProtection="1">
      <alignment horizontal="center" vertical="center"/>
      <protection locked="0"/>
    </xf>
    <xf numFmtId="0" fontId="31" fillId="2" borderId="2" xfId="0" applyNumberFormat="1" applyFont="1" applyFill="1" applyBorder="1" applyAlignment="1" applyProtection="1">
      <alignment horizontal="center" vertical="center"/>
      <protection locked="0"/>
    </xf>
    <xf numFmtId="0" fontId="31" fillId="2" borderId="34" xfId="0" applyNumberFormat="1" applyFont="1" applyFill="1" applyBorder="1" applyAlignment="1" applyProtection="1">
      <alignment horizontal="center" vertical="center"/>
      <protection locked="0"/>
    </xf>
    <xf numFmtId="0" fontId="31" fillId="2" borderId="54" xfId="0" applyNumberFormat="1" applyFont="1" applyFill="1" applyBorder="1" applyAlignment="1" applyProtection="1">
      <alignment horizontal="center" vertical="center"/>
      <protection locked="0"/>
    </xf>
    <xf numFmtId="0" fontId="31" fillId="2" borderId="29" xfId="0" applyNumberFormat="1" applyFont="1" applyFill="1" applyBorder="1" applyAlignment="1" applyProtection="1">
      <alignment horizontal="center" vertical="center"/>
      <protection locked="0"/>
    </xf>
    <xf numFmtId="0" fontId="31" fillId="2" borderId="32" xfId="0" applyNumberFormat="1" applyFont="1" applyFill="1" applyBorder="1" applyAlignment="1" applyProtection="1">
      <alignment horizontal="center" vertical="center"/>
      <protection locked="0"/>
    </xf>
    <xf numFmtId="0" fontId="9" fillId="0" borderId="14" xfId="0" applyNumberFormat="1" applyFont="1" applyFill="1" applyBorder="1" applyAlignment="1" applyProtection="1">
      <alignment horizontal="center" vertical="center" wrapText="1"/>
      <protection locked="0"/>
    </xf>
    <xf numFmtId="0" fontId="9" fillId="0" borderId="12" xfId="0" applyNumberFormat="1" applyFont="1" applyFill="1" applyBorder="1" applyAlignment="1" applyProtection="1">
      <alignment horizontal="center" vertical="center" wrapText="1"/>
      <protection locked="0"/>
    </xf>
    <xf numFmtId="0" fontId="9" fillId="0" borderId="21" xfId="0" applyNumberFormat="1" applyFont="1" applyFill="1" applyBorder="1" applyAlignment="1" applyProtection="1">
      <alignment horizontal="center" vertical="center" wrapText="1"/>
      <protection locked="0"/>
    </xf>
    <xf numFmtId="0" fontId="9" fillId="0" borderId="0" xfId="0" applyNumberFormat="1" applyFont="1" applyFill="1" applyBorder="1" applyAlignment="1">
      <alignment horizontal="center" vertical="center" wrapText="1"/>
    </xf>
    <xf numFmtId="0" fontId="9" fillId="0" borderId="7" xfId="0" applyNumberFormat="1" applyFont="1" applyFill="1" applyBorder="1" applyAlignment="1">
      <alignment horizontal="center" vertical="center" wrapText="1"/>
    </xf>
    <xf numFmtId="0" fontId="9" fillId="0" borderId="8" xfId="0" applyNumberFormat="1" applyFont="1" applyFill="1" applyBorder="1" applyAlignment="1" applyProtection="1">
      <alignment horizontal="center" vertical="center" wrapText="1"/>
      <protection locked="0"/>
    </xf>
    <xf numFmtId="0" fontId="9" fillId="0" borderId="0" xfId="0" applyNumberFormat="1" applyFont="1" applyFill="1" applyBorder="1" applyAlignment="1" applyProtection="1">
      <alignment horizontal="center" vertical="center" wrapText="1"/>
      <protection locked="0"/>
    </xf>
    <xf numFmtId="0" fontId="9" fillId="0" borderId="12" xfId="0" applyNumberFormat="1" applyFont="1" applyFill="1" applyBorder="1" applyAlignment="1">
      <alignment horizontal="center" vertical="center" wrapText="1"/>
    </xf>
    <xf numFmtId="0" fontId="31" fillId="0" borderId="14" xfId="0" applyNumberFormat="1" applyFont="1" applyFill="1" applyBorder="1" applyAlignment="1" applyProtection="1">
      <alignment horizontal="center" vertical="center" textRotation="255" wrapText="1"/>
      <protection locked="0"/>
    </xf>
    <xf numFmtId="0" fontId="31" fillId="0" borderId="12" xfId="0" applyNumberFormat="1" applyFont="1" applyFill="1" applyBorder="1" applyAlignment="1" applyProtection="1">
      <alignment horizontal="center" vertical="center" textRotation="255" wrapText="1"/>
      <protection locked="0"/>
    </xf>
    <xf numFmtId="0" fontId="31" fillId="0" borderId="15" xfId="0" applyNumberFormat="1" applyFont="1" applyFill="1" applyBorder="1" applyAlignment="1" applyProtection="1">
      <alignment horizontal="center" vertical="center" textRotation="255" wrapText="1"/>
      <protection locked="0"/>
    </xf>
    <xf numFmtId="0" fontId="9" fillId="0" borderId="15" xfId="0" applyNumberFormat="1" applyFont="1" applyFill="1" applyBorder="1" applyAlignment="1">
      <alignment horizontal="center" vertical="center" wrapText="1"/>
    </xf>
    <xf numFmtId="0" fontId="31" fillId="0" borderId="14" xfId="0" applyNumberFormat="1" applyFont="1" applyFill="1" applyBorder="1" applyAlignment="1">
      <alignment horizontal="center" vertical="center" wrapText="1"/>
    </xf>
    <xf numFmtId="0" fontId="31" fillId="0" borderId="15" xfId="0" applyNumberFormat="1" applyFont="1" applyFill="1" applyBorder="1" applyAlignment="1">
      <alignment horizontal="center" vertical="center" wrapText="1"/>
    </xf>
    <xf numFmtId="0" fontId="9" fillId="0" borderId="134" xfId="0" applyNumberFormat="1" applyFont="1" applyFill="1" applyBorder="1" applyAlignment="1" applyProtection="1">
      <alignment vertical="center"/>
      <protection locked="0"/>
    </xf>
    <xf numFmtId="0" fontId="0" fillId="0" borderId="13" xfId="0" applyBorder="1" applyAlignment="1" applyProtection="1">
      <alignment vertical="center"/>
      <protection locked="0"/>
    </xf>
    <xf numFmtId="0" fontId="31" fillId="2" borderId="43" xfId="0" applyNumberFormat="1" applyFont="1" applyFill="1" applyBorder="1" applyAlignment="1" applyProtection="1">
      <alignment horizontal="center" vertical="center"/>
      <protection locked="0"/>
    </xf>
    <xf numFmtId="0" fontId="31" fillId="2" borderId="14" xfId="0" applyNumberFormat="1" applyFont="1" applyFill="1" applyBorder="1" applyAlignment="1" applyProtection="1">
      <alignment horizontal="center" vertical="center"/>
      <protection locked="0"/>
    </xf>
    <xf numFmtId="0" fontId="9" fillId="0" borderId="31" xfId="0" applyNumberFormat="1" applyFont="1" applyFill="1" applyBorder="1" applyAlignment="1">
      <alignment horizontal="center" vertical="center" wrapText="1"/>
    </xf>
    <xf numFmtId="0" fontId="9" fillId="0" borderId="22" xfId="0" applyNumberFormat="1" applyFont="1" applyFill="1" applyBorder="1" applyAlignment="1">
      <alignment horizontal="center" vertical="center" wrapText="1"/>
    </xf>
    <xf numFmtId="0" fontId="47" fillId="0" borderId="43" xfId="0" applyNumberFormat="1" applyFont="1" applyFill="1" applyBorder="1" applyAlignment="1" applyProtection="1">
      <alignment horizontal="center" vertical="center" wrapText="1"/>
      <protection locked="0"/>
    </xf>
    <xf numFmtId="0" fontId="47" fillId="0" borderId="31" xfId="0" applyNumberFormat="1" applyFont="1" applyFill="1" applyBorder="1" applyAlignment="1" applyProtection="1">
      <alignment horizontal="center" vertical="center" wrapText="1"/>
      <protection locked="0"/>
    </xf>
    <xf numFmtId="0" fontId="47" fillId="0" borderId="14" xfId="0" applyNumberFormat="1" applyFont="1" applyFill="1" applyBorder="1" applyAlignment="1" applyProtection="1">
      <alignment horizontal="center" vertical="center" wrapText="1"/>
      <protection locked="0"/>
    </xf>
    <xf numFmtId="0" fontId="47" fillId="0" borderId="12" xfId="0" applyNumberFormat="1" applyFont="1" applyFill="1" applyBorder="1" applyAlignment="1" applyProtection="1">
      <alignment horizontal="center" vertical="center" wrapText="1"/>
      <protection locked="0"/>
    </xf>
    <xf numFmtId="0" fontId="31" fillId="0" borderId="32" xfId="0" applyNumberFormat="1" applyFont="1" applyFill="1" applyBorder="1" applyAlignment="1">
      <alignment horizontal="center" vertical="center"/>
    </xf>
    <xf numFmtId="0" fontId="31" fillId="0" borderId="165" xfId="0" applyNumberFormat="1" applyFont="1" applyFill="1" applyBorder="1" applyAlignment="1">
      <alignment horizontal="center" vertical="center"/>
    </xf>
    <xf numFmtId="0" fontId="31" fillId="4" borderId="17" xfId="0" applyNumberFormat="1" applyFont="1" applyFill="1" applyBorder="1" applyAlignment="1">
      <alignment horizontal="center" vertical="center"/>
    </xf>
    <xf numFmtId="0" fontId="31" fillId="4" borderId="56" xfId="0" applyNumberFormat="1" applyFont="1" applyFill="1" applyBorder="1" applyAlignment="1">
      <alignment horizontal="center" vertical="center"/>
    </xf>
    <xf numFmtId="0" fontId="31" fillId="2" borderId="55" xfId="0" applyNumberFormat="1" applyFont="1" applyFill="1" applyBorder="1" applyAlignment="1">
      <alignment horizontal="center" vertical="center"/>
    </xf>
    <xf numFmtId="0" fontId="31" fillId="2" borderId="56" xfId="0" applyNumberFormat="1" applyFont="1" applyFill="1" applyBorder="1" applyAlignment="1">
      <alignment horizontal="center" vertical="center"/>
    </xf>
    <xf numFmtId="0" fontId="31" fillId="2" borderId="83" xfId="0" applyNumberFormat="1" applyFont="1" applyFill="1" applyBorder="1" applyAlignment="1">
      <alignment horizontal="center" vertical="center"/>
    </xf>
    <xf numFmtId="0" fontId="31" fillId="0" borderId="36" xfId="0" applyNumberFormat="1" applyFont="1" applyFill="1" applyBorder="1" applyAlignment="1">
      <alignment horizontal="center" vertical="center" wrapText="1"/>
    </xf>
    <xf numFmtId="0" fontId="31" fillId="0" borderId="38" xfId="0" applyNumberFormat="1" applyFont="1" applyFill="1" applyBorder="1" applyAlignment="1">
      <alignment horizontal="center" vertical="center" wrapText="1"/>
    </xf>
    <xf numFmtId="0" fontId="31" fillId="0" borderId="23" xfId="0" applyNumberFormat="1" applyFont="1" applyFill="1" applyBorder="1" applyAlignment="1">
      <alignment horizontal="center" vertical="center" textRotation="255" wrapText="1"/>
    </xf>
    <xf numFmtId="0" fontId="9" fillId="0" borderId="23" xfId="0" applyNumberFormat="1" applyFont="1" applyFill="1" applyBorder="1" applyAlignment="1">
      <alignment horizontal="center" vertical="center" wrapText="1"/>
    </xf>
    <xf numFmtId="0" fontId="9" fillId="0" borderId="75" xfId="0" applyNumberFormat="1" applyFont="1" applyFill="1" applyBorder="1" applyAlignment="1">
      <alignment horizontal="center" vertical="center" wrapText="1"/>
    </xf>
    <xf numFmtId="0" fontId="31" fillId="2" borderId="90" xfId="0" applyNumberFormat="1" applyFont="1" applyFill="1" applyBorder="1" applyAlignment="1">
      <alignment horizontal="center" vertical="center"/>
    </xf>
    <xf numFmtId="0" fontId="31" fillId="2" borderId="89" xfId="0" applyNumberFormat="1" applyFont="1" applyFill="1" applyBorder="1" applyAlignment="1">
      <alignment horizontal="center" vertical="center"/>
    </xf>
    <xf numFmtId="0" fontId="31" fillId="2" borderId="91" xfId="0" applyNumberFormat="1" applyFont="1" applyFill="1" applyBorder="1" applyAlignment="1">
      <alignment horizontal="center" vertical="center"/>
    </xf>
    <xf numFmtId="0" fontId="31" fillId="4" borderId="121" xfId="0" applyNumberFormat="1" applyFont="1" applyFill="1" applyBorder="1" applyAlignment="1">
      <alignment horizontal="center" vertical="center"/>
    </xf>
    <xf numFmtId="0" fontId="31" fillId="2" borderId="122" xfId="0" applyNumberFormat="1" applyFont="1" applyFill="1" applyBorder="1" applyAlignment="1">
      <alignment horizontal="right" vertical="center"/>
    </xf>
    <xf numFmtId="0" fontId="31" fillId="2" borderId="120" xfId="0" applyNumberFormat="1" applyFont="1" applyFill="1" applyBorder="1" applyAlignment="1">
      <alignment horizontal="right" vertical="center"/>
    </xf>
    <xf numFmtId="0" fontId="31" fillId="2" borderId="123" xfId="0" applyNumberFormat="1" applyFont="1" applyFill="1" applyBorder="1" applyAlignment="1">
      <alignment horizontal="right" vertical="center"/>
    </xf>
    <xf numFmtId="0" fontId="31" fillId="4" borderId="116" xfId="0" applyNumberFormat="1" applyFont="1" applyFill="1" applyBorder="1" applyAlignment="1">
      <alignment horizontal="center" vertical="center"/>
    </xf>
    <xf numFmtId="0" fontId="31" fillId="4" borderId="117" xfId="0" applyNumberFormat="1" applyFont="1" applyFill="1" applyBorder="1" applyAlignment="1">
      <alignment horizontal="center" vertical="center"/>
    </xf>
    <xf numFmtId="0" fontId="31" fillId="0" borderId="117" xfId="0" applyNumberFormat="1" applyFont="1" applyFill="1" applyBorder="1" applyAlignment="1">
      <alignment horizontal="center" vertical="center"/>
    </xf>
    <xf numFmtId="0" fontId="31" fillId="0" borderId="118" xfId="0" applyNumberFormat="1" applyFont="1" applyFill="1" applyBorder="1" applyAlignment="1">
      <alignment horizontal="center" vertical="center"/>
    </xf>
    <xf numFmtId="0" fontId="31" fillId="0" borderId="24" xfId="0" applyNumberFormat="1" applyFont="1" applyFill="1" applyBorder="1" applyAlignment="1">
      <alignment horizontal="center" vertical="center" textRotation="255" wrapText="1"/>
    </xf>
    <xf numFmtId="0" fontId="40" fillId="0" borderId="134" xfId="0" applyNumberFormat="1" applyFont="1" applyFill="1" applyBorder="1" applyAlignment="1">
      <alignment horizontal="center" vertical="center"/>
    </xf>
    <xf numFmtId="0" fontId="40" fillId="0" borderId="13" xfId="0" applyNumberFormat="1" applyFont="1" applyFill="1" applyBorder="1" applyAlignment="1">
      <alignment horizontal="center" vertical="center"/>
    </xf>
    <xf numFmtId="0" fontId="40" fillId="0" borderId="136" xfId="0" applyNumberFormat="1" applyFont="1" applyFill="1" applyBorder="1" applyAlignment="1">
      <alignment horizontal="center" vertical="center"/>
    </xf>
    <xf numFmtId="0" fontId="31" fillId="0" borderId="137" xfId="0" applyNumberFormat="1" applyFont="1" applyFill="1" applyBorder="1" applyAlignment="1">
      <alignment horizontal="center" vertical="center" textRotation="255" wrapText="1"/>
    </xf>
    <xf numFmtId="0" fontId="9" fillId="0" borderId="137" xfId="0" applyNumberFormat="1" applyFont="1" applyFill="1" applyBorder="1" applyAlignment="1">
      <alignment horizontal="center" vertical="center" wrapText="1"/>
    </xf>
    <xf numFmtId="0" fontId="9" fillId="0" borderId="24" xfId="0" applyNumberFormat="1" applyFont="1" applyFill="1" applyBorder="1" applyAlignment="1">
      <alignment horizontal="center" vertical="center" wrapText="1"/>
    </xf>
    <xf numFmtId="0" fontId="31" fillId="0" borderId="134" xfId="0" applyNumberFormat="1" applyFont="1" applyFill="1" applyBorder="1" applyAlignment="1">
      <alignment horizontal="center" vertical="center" wrapText="1"/>
    </xf>
    <xf numFmtId="0" fontId="31" fillId="0" borderId="13" xfId="0" applyNumberFormat="1" applyFont="1" applyFill="1" applyBorder="1" applyAlignment="1">
      <alignment horizontal="center" vertical="center" wrapText="1"/>
    </xf>
    <xf numFmtId="0" fontId="31" fillId="0" borderId="136" xfId="0" applyNumberFormat="1" applyFont="1" applyFill="1" applyBorder="1" applyAlignment="1">
      <alignment horizontal="center" vertical="center" wrapText="1"/>
    </xf>
    <xf numFmtId="0" fontId="9" fillId="2" borderId="124" xfId="0" applyNumberFormat="1" applyFont="1" applyFill="1" applyBorder="1" applyAlignment="1">
      <alignment horizontal="center" vertical="center"/>
    </xf>
    <xf numFmtId="0" fontId="9" fillId="2" borderId="126" xfId="0" applyNumberFormat="1" applyFont="1" applyFill="1" applyBorder="1" applyAlignment="1">
      <alignment horizontal="center" vertical="center"/>
    </xf>
    <xf numFmtId="0" fontId="9" fillId="2" borderId="46" xfId="0" applyNumberFormat="1" applyFont="1" applyFill="1" applyBorder="1" applyAlignment="1">
      <alignment horizontal="center" vertical="center"/>
    </xf>
    <xf numFmtId="0" fontId="9" fillId="2" borderId="47" xfId="0" applyNumberFormat="1" applyFont="1" applyFill="1" applyBorder="1" applyAlignment="1">
      <alignment horizontal="center" vertical="center"/>
    </xf>
    <xf numFmtId="0" fontId="31" fillId="4" borderId="143" xfId="0" applyNumberFormat="1" applyFont="1" applyFill="1" applyBorder="1" applyAlignment="1">
      <alignment horizontal="center" vertical="center"/>
    </xf>
    <xf numFmtId="0" fontId="31" fillId="4" borderId="144" xfId="0" applyNumberFormat="1" applyFont="1" applyFill="1" applyBorder="1" applyAlignment="1">
      <alignment horizontal="center" vertical="center"/>
    </xf>
    <xf numFmtId="0" fontId="31" fillId="0" borderId="145" xfId="0" applyNumberFormat="1" applyFont="1" applyFill="1" applyBorder="1" applyAlignment="1">
      <alignment horizontal="right" vertical="center"/>
    </xf>
    <xf numFmtId="0" fontId="31" fillId="0" borderId="144" xfId="0" applyNumberFormat="1" applyFont="1" applyFill="1" applyBorder="1" applyAlignment="1">
      <alignment horizontal="right" vertical="center"/>
    </xf>
    <xf numFmtId="0" fontId="31" fillId="0" borderId="146" xfId="0" applyNumberFormat="1" applyFont="1" applyFill="1" applyBorder="1" applyAlignment="1">
      <alignment horizontal="right" vertical="center"/>
    </xf>
    <xf numFmtId="0" fontId="31" fillId="0" borderId="45" xfId="0" applyNumberFormat="1" applyFont="1" applyFill="1" applyBorder="1" applyAlignment="1">
      <alignment horizontal="center" vertical="center" wrapText="1"/>
    </xf>
    <xf numFmtId="0" fontId="31" fillId="0" borderId="47" xfId="0" applyNumberFormat="1" applyFont="1" applyFill="1" applyBorder="1" applyAlignment="1">
      <alignment horizontal="center" vertical="center" wrapText="1"/>
    </xf>
    <xf numFmtId="0" fontId="42" fillId="0" borderId="23" xfId="0" applyNumberFormat="1" applyFont="1" applyFill="1" applyBorder="1" applyAlignment="1">
      <alignment horizontal="center" vertical="center" wrapText="1"/>
    </xf>
    <xf numFmtId="0" fontId="42" fillId="0" borderId="75" xfId="0" applyNumberFormat="1" applyFont="1" applyFill="1" applyBorder="1" applyAlignment="1">
      <alignment horizontal="center" vertical="center" wrapText="1"/>
    </xf>
    <xf numFmtId="0" fontId="31" fillId="0" borderId="145" xfId="0" applyNumberFormat="1" applyFont="1" applyFill="1" applyBorder="1" applyAlignment="1">
      <alignment horizontal="center" vertical="center"/>
    </xf>
    <xf numFmtId="0" fontId="31" fillId="0" borderId="144" xfId="0" applyNumberFormat="1" applyFont="1" applyFill="1" applyBorder="1" applyAlignment="1">
      <alignment horizontal="center" vertical="center"/>
    </xf>
    <xf numFmtId="0" fontId="31" fillId="0" borderId="146" xfId="0" applyNumberFormat="1" applyFont="1" applyFill="1" applyBorder="1" applyAlignment="1">
      <alignment horizontal="center" vertical="center"/>
    </xf>
    <xf numFmtId="0" fontId="9" fillId="0" borderId="147" xfId="0" applyNumberFormat="1" applyFont="1" applyFill="1" applyBorder="1" applyAlignment="1">
      <alignment horizontal="center" vertical="center" wrapText="1"/>
    </xf>
    <xf numFmtId="0" fontId="38" fillId="0" borderId="117" xfId="0" applyNumberFormat="1" applyFont="1" applyFill="1" applyBorder="1" applyAlignment="1">
      <alignment horizontal="center" vertical="center"/>
    </xf>
    <xf numFmtId="0" fontId="38" fillId="0" borderId="118" xfId="0" applyNumberFormat="1" applyFont="1" applyFill="1" applyBorder="1" applyAlignment="1">
      <alignment horizontal="center" vertical="center"/>
    </xf>
    <xf numFmtId="0" fontId="39" fillId="0" borderId="36" xfId="0" applyNumberFormat="1" applyFont="1" applyFill="1" applyBorder="1" applyAlignment="1">
      <alignment horizontal="center" vertical="center" wrapText="1"/>
    </xf>
    <xf numFmtId="0" fontId="39" fillId="0" borderId="37" xfId="0" applyNumberFormat="1" applyFont="1" applyFill="1" applyBorder="1" applyAlignment="1">
      <alignment horizontal="center" vertical="center" wrapText="1"/>
    </xf>
    <xf numFmtId="0" fontId="39" fillId="0" borderId="38" xfId="0" applyNumberFormat="1" applyFont="1" applyFill="1" applyBorder="1" applyAlignment="1">
      <alignment horizontal="center" vertical="center" wrapText="1"/>
    </xf>
    <xf numFmtId="0" fontId="55" fillId="2" borderId="122" xfId="0" applyNumberFormat="1" applyFont="1" applyFill="1" applyBorder="1" applyAlignment="1">
      <alignment horizontal="right" vertical="center"/>
    </xf>
    <xf numFmtId="0" fontId="56" fillId="2" borderId="120" xfId="0" applyNumberFormat="1" applyFont="1" applyFill="1" applyBorder="1" applyAlignment="1">
      <alignment horizontal="right" vertical="center"/>
    </xf>
    <xf numFmtId="0" fontId="56" fillId="2" borderId="123" xfId="0" applyNumberFormat="1" applyFont="1" applyFill="1" applyBorder="1" applyAlignment="1">
      <alignment horizontal="right" vertical="center"/>
    </xf>
    <xf numFmtId="0" fontId="38" fillId="2" borderId="90" xfId="0" applyNumberFormat="1" applyFont="1" applyFill="1" applyBorder="1" applyAlignment="1">
      <alignment horizontal="center" vertical="center"/>
    </xf>
    <xf numFmtId="0" fontId="38" fillId="2" borderId="89" xfId="0" applyNumberFormat="1" applyFont="1" applyFill="1" applyBorder="1" applyAlignment="1">
      <alignment horizontal="center" vertical="center"/>
    </xf>
    <xf numFmtId="0" fontId="38" fillId="2" borderId="91" xfId="0" applyNumberFormat="1" applyFont="1" applyFill="1" applyBorder="1" applyAlignment="1">
      <alignment horizontal="center" vertical="center"/>
    </xf>
    <xf numFmtId="0" fontId="39" fillId="2" borderId="55" xfId="0" applyNumberFormat="1" applyFont="1" applyFill="1" applyBorder="1" applyAlignment="1">
      <alignment horizontal="center" vertical="center"/>
    </xf>
    <xf numFmtId="0" fontId="39" fillId="2" borderId="56" xfId="0" applyNumberFormat="1" applyFont="1" applyFill="1" applyBorder="1" applyAlignment="1">
      <alignment horizontal="center" vertical="center"/>
    </xf>
    <xf numFmtId="0" fontId="39" fillId="2" borderId="83" xfId="0" applyNumberFormat="1" applyFont="1" applyFill="1" applyBorder="1" applyAlignment="1">
      <alignment horizontal="center" vertical="center"/>
    </xf>
    <xf numFmtId="0" fontId="9" fillId="0" borderId="138" xfId="0" applyNumberFormat="1" applyFont="1" applyFill="1" applyBorder="1" applyAlignment="1">
      <alignment horizontal="center" vertical="center" wrapText="1"/>
    </xf>
    <xf numFmtId="0" fontId="46" fillId="0" borderId="133" xfId="0" applyNumberFormat="1" applyFont="1" applyFill="1" applyBorder="1" applyAlignment="1">
      <alignment horizontal="center" vertical="center"/>
    </xf>
    <xf numFmtId="0" fontId="9" fillId="0" borderId="133" xfId="0" applyNumberFormat="1" applyFont="1" applyFill="1" applyBorder="1" applyAlignment="1">
      <alignment horizontal="center" vertical="center"/>
    </xf>
    <xf numFmtId="0" fontId="9" fillId="0" borderId="134" xfId="0" applyNumberFormat="1" applyFont="1" applyFill="1" applyBorder="1" applyAlignment="1">
      <alignment horizontal="center" vertical="center"/>
    </xf>
    <xf numFmtId="0" fontId="31" fillId="4" borderId="134" xfId="0" applyNumberFormat="1" applyFont="1" applyFill="1" applyBorder="1" applyAlignment="1">
      <alignment horizontal="center" vertical="center"/>
    </xf>
    <xf numFmtId="0" fontId="9" fillId="2" borderId="130" xfId="0" applyNumberFormat="1" applyFont="1" applyFill="1" applyBorder="1" applyAlignment="1">
      <alignment horizontal="center" vertical="center"/>
    </xf>
    <xf numFmtId="0" fontId="9" fillId="0" borderId="122" xfId="0" applyNumberFormat="1" applyFont="1" applyFill="1" applyBorder="1" applyAlignment="1">
      <alignment horizontal="center" vertical="center" wrapText="1"/>
    </xf>
    <xf numFmtId="0" fontId="9" fillId="0" borderId="120" xfId="0" applyNumberFormat="1" applyFont="1" applyFill="1" applyBorder="1" applyAlignment="1">
      <alignment horizontal="center" vertical="center" wrapText="1"/>
    </xf>
    <xf numFmtId="0" fontId="9" fillId="0" borderId="141" xfId="0" applyNumberFormat="1" applyFont="1" applyFill="1" applyBorder="1" applyAlignment="1">
      <alignment horizontal="center" vertical="center" wrapText="1"/>
    </xf>
    <xf numFmtId="0" fontId="31" fillId="0" borderId="55" xfId="0" applyNumberFormat="1" applyFont="1" applyFill="1" applyBorder="1" applyAlignment="1">
      <alignment horizontal="center" vertical="center" wrapText="1"/>
    </xf>
    <xf numFmtId="0" fontId="31" fillId="0" borderId="57" xfId="0" applyNumberFormat="1" applyFont="1" applyFill="1" applyBorder="1" applyAlignment="1">
      <alignment horizontal="center" vertical="center" wrapText="1"/>
    </xf>
    <xf numFmtId="0" fontId="31" fillId="0" borderId="4" xfId="0" applyNumberFormat="1" applyFont="1" applyFill="1" applyBorder="1" applyAlignment="1">
      <alignment horizontal="center" vertical="top"/>
    </xf>
    <xf numFmtId="0" fontId="31" fillId="0" borderId="5" xfId="0" applyNumberFormat="1" applyFont="1" applyFill="1" applyBorder="1" applyAlignment="1">
      <alignment horizontal="center" vertical="top"/>
    </xf>
    <xf numFmtId="0" fontId="31" fillId="0" borderId="58" xfId="0" applyNumberFormat="1" applyFont="1" applyFill="1" applyBorder="1" applyAlignment="1">
      <alignment horizontal="center" vertical="top"/>
    </xf>
    <xf numFmtId="0" fontId="31" fillId="0" borderId="14" xfId="0" applyNumberFormat="1" applyFont="1" applyFill="1" applyBorder="1" applyAlignment="1">
      <alignment horizontal="center" vertical="top"/>
    </xf>
    <xf numFmtId="0" fontId="31" fillId="0" borderId="12" xfId="0" applyNumberFormat="1" applyFont="1" applyFill="1" applyBorder="1" applyAlignment="1">
      <alignment horizontal="center" vertical="top"/>
    </xf>
    <xf numFmtId="0" fontId="31" fillId="0" borderId="21" xfId="0" applyNumberFormat="1" applyFont="1" applyFill="1" applyBorder="1" applyAlignment="1">
      <alignment horizontal="center" vertical="top"/>
    </xf>
    <xf numFmtId="0" fontId="9" fillId="2" borderId="45" xfId="0" applyNumberFormat="1" applyFont="1" applyFill="1" applyBorder="1" applyAlignment="1">
      <alignment horizontal="center" vertical="center"/>
    </xf>
    <xf numFmtId="0" fontId="9" fillId="2" borderId="127" xfId="0" applyNumberFormat="1" applyFont="1" applyFill="1" applyBorder="1" applyAlignment="1">
      <alignment horizontal="center" vertical="center"/>
    </xf>
    <xf numFmtId="0" fontId="9" fillId="2" borderId="128" xfId="0" applyNumberFormat="1" applyFont="1" applyFill="1" applyBorder="1" applyAlignment="1">
      <alignment horizontal="center" vertical="center"/>
    </xf>
    <xf numFmtId="0" fontId="9" fillId="0" borderId="43" xfId="0" applyNumberFormat="1" applyFont="1" applyFill="1" applyBorder="1" applyAlignment="1">
      <alignment horizontal="right" vertical="center" wrapText="1"/>
    </xf>
    <xf numFmtId="0" fontId="9" fillId="0" borderId="31" xfId="0" applyNumberFormat="1" applyFont="1" applyFill="1" applyBorder="1" applyAlignment="1">
      <alignment horizontal="right" vertical="center" wrapText="1"/>
    </xf>
    <xf numFmtId="0" fontId="9" fillId="0" borderId="22" xfId="0" applyNumberFormat="1" applyFont="1" applyFill="1" applyBorder="1" applyAlignment="1">
      <alignment horizontal="right" vertical="center" wrapText="1"/>
    </xf>
    <xf numFmtId="0" fontId="9" fillId="0" borderId="14" xfId="0" applyNumberFormat="1" applyFont="1" applyFill="1" applyBorder="1" applyAlignment="1">
      <alignment horizontal="right" vertical="center" wrapText="1"/>
    </xf>
    <xf numFmtId="0" fontId="9" fillId="0" borderId="12" xfId="0" applyNumberFormat="1" applyFont="1" applyFill="1" applyBorder="1" applyAlignment="1">
      <alignment horizontal="right" vertical="center" wrapText="1"/>
    </xf>
    <xf numFmtId="0" fontId="9" fillId="0" borderId="15" xfId="0" applyNumberFormat="1" applyFont="1" applyFill="1" applyBorder="1" applyAlignment="1">
      <alignment horizontal="right" vertical="center" wrapText="1"/>
    </xf>
    <xf numFmtId="0" fontId="40" fillId="0" borderId="23" xfId="0" applyNumberFormat="1" applyFont="1" applyFill="1" applyBorder="1" applyAlignment="1">
      <alignment horizontal="center" vertical="center" wrapText="1"/>
    </xf>
    <xf numFmtId="0" fontId="40" fillId="0" borderId="75" xfId="0" applyNumberFormat="1" applyFont="1" applyFill="1" applyBorder="1" applyAlignment="1">
      <alignment horizontal="center" vertical="center" wrapText="1"/>
    </xf>
    <xf numFmtId="0" fontId="41" fillId="0" borderId="117" xfId="0" applyNumberFormat="1" applyFont="1" applyFill="1" applyBorder="1" applyAlignment="1">
      <alignment horizontal="center" vertical="center"/>
    </xf>
    <xf numFmtId="0" fontId="41" fillId="0" borderId="118" xfId="0" applyNumberFormat="1" applyFont="1" applyFill="1" applyBorder="1" applyAlignment="1">
      <alignment horizontal="center" vertical="center"/>
    </xf>
    <xf numFmtId="0" fontId="37" fillId="0" borderId="122" xfId="0" applyNumberFormat="1" applyFont="1" applyFill="1" applyBorder="1" applyAlignment="1">
      <alignment horizontal="left" vertical="center"/>
    </xf>
    <xf numFmtId="0" fontId="37" fillId="0" borderId="120" xfId="0" applyNumberFormat="1" applyFont="1" applyFill="1" applyBorder="1" applyAlignment="1">
      <alignment horizontal="left" vertical="center"/>
    </xf>
    <xf numFmtId="0" fontId="37" fillId="0" borderId="123" xfId="0" applyNumberFormat="1" applyFont="1" applyFill="1" applyBorder="1" applyAlignment="1">
      <alignment horizontal="left" vertical="center"/>
    </xf>
    <xf numFmtId="0" fontId="40" fillId="0" borderId="122" xfId="0" applyNumberFormat="1" applyFont="1" applyFill="1" applyBorder="1" applyAlignment="1">
      <alignment horizontal="center" vertical="center"/>
    </xf>
    <xf numFmtId="0" fontId="31" fillId="0" borderId="123" xfId="0" applyNumberFormat="1" applyFont="1" applyFill="1" applyBorder="1" applyAlignment="1">
      <alignment horizontal="center" vertical="center"/>
    </xf>
    <xf numFmtId="0" fontId="40" fillId="0" borderId="139" xfId="0" applyFont="1" applyFill="1" applyBorder="1" applyAlignment="1">
      <alignment horizontal="center" vertical="center"/>
    </xf>
    <xf numFmtId="0" fontId="4" fillId="4" borderId="1" xfId="0" applyNumberFormat="1" applyFont="1" applyFill="1" applyBorder="1" applyAlignment="1">
      <alignment horizontal="center" vertical="center"/>
    </xf>
    <xf numFmtId="0" fontId="4" fillId="4" borderId="2" xfId="0" applyNumberFormat="1" applyFont="1" applyFill="1" applyBorder="1" applyAlignment="1">
      <alignment horizontal="center" vertical="center"/>
    </xf>
    <xf numFmtId="0" fontId="4" fillId="4" borderId="3" xfId="0" applyNumberFormat="1" applyFont="1" applyFill="1" applyBorder="1" applyAlignment="1">
      <alignment horizontal="center" vertical="center"/>
    </xf>
    <xf numFmtId="0" fontId="4" fillId="4" borderId="8" xfId="0" applyNumberFormat="1" applyFont="1" applyFill="1" applyBorder="1" applyAlignment="1">
      <alignment horizontal="center" vertical="center"/>
    </xf>
    <xf numFmtId="0" fontId="4" fillId="4" borderId="0" xfId="0" applyNumberFormat="1" applyFont="1" applyFill="1" applyBorder="1" applyAlignment="1">
      <alignment horizontal="center" vertical="center"/>
    </xf>
    <xf numFmtId="0" fontId="4" fillId="4" borderId="7" xfId="0" applyNumberFormat="1" applyFont="1" applyFill="1" applyBorder="1" applyAlignment="1">
      <alignment horizontal="center" vertical="center"/>
    </xf>
    <xf numFmtId="0" fontId="4" fillId="4" borderId="54" xfId="0" applyNumberFormat="1" applyFont="1" applyFill="1" applyBorder="1" applyAlignment="1">
      <alignment horizontal="center" vertical="center"/>
    </xf>
    <xf numFmtId="0" fontId="4" fillId="4" borderId="25" xfId="0" applyNumberFormat="1" applyFont="1" applyFill="1" applyBorder="1" applyAlignment="1">
      <alignment horizontal="center" vertical="center"/>
    </xf>
    <xf numFmtId="0" fontId="4" fillId="4" borderId="62" xfId="0" applyNumberFormat="1" applyFont="1" applyFill="1" applyBorder="1" applyAlignment="1">
      <alignment horizontal="center" vertical="center"/>
    </xf>
    <xf numFmtId="0" fontId="4" fillId="0" borderId="145" xfId="0" applyNumberFormat="1" applyFont="1" applyFill="1" applyBorder="1" applyAlignment="1">
      <alignment horizontal="center" vertical="center" wrapText="1"/>
    </xf>
    <xf numFmtId="0" fontId="4" fillId="0" borderId="144" xfId="0" applyNumberFormat="1" applyFont="1" applyFill="1" applyBorder="1" applyAlignment="1">
      <alignment horizontal="center" vertical="center" wrapText="1"/>
    </xf>
    <xf numFmtId="0" fontId="4" fillId="0" borderId="149" xfId="0" applyNumberFormat="1" applyFont="1" applyFill="1" applyBorder="1" applyAlignment="1">
      <alignment horizontal="center" vertical="center" wrapText="1"/>
    </xf>
    <xf numFmtId="0" fontId="4" fillId="2" borderId="1" xfId="0" applyNumberFormat="1" applyFont="1" applyFill="1" applyBorder="1" applyAlignment="1">
      <alignment horizontal="center" vertical="center"/>
    </xf>
    <xf numFmtId="0" fontId="4" fillId="2" borderId="2" xfId="0" applyNumberFormat="1" applyFont="1" applyFill="1" applyBorder="1" applyAlignment="1">
      <alignment horizontal="center" vertical="center"/>
    </xf>
    <xf numFmtId="0" fontId="4" fillId="2" borderId="8" xfId="0" applyNumberFormat="1" applyFont="1" applyFill="1" applyBorder="1" applyAlignment="1">
      <alignment horizontal="center" vertical="center"/>
    </xf>
    <xf numFmtId="0" fontId="4" fillId="2" borderId="0" xfId="0" applyNumberFormat="1" applyFont="1" applyFill="1" applyBorder="1" applyAlignment="1">
      <alignment horizontal="center" vertical="center"/>
    </xf>
    <xf numFmtId="0" fontId="4" fillId="2" borderId="54" xfId="0" applyNumberFormat="1" applyFont="1" applyFill="1" applyBorder="1" applyAlignment="1">
      <alignment horizontal="center" vertical="center"/>
    </xf>
    <xf numFmtId="0" fontId="4" fillId="2" borderId="25" xfId="0" applyNumberFormat="1" applyFont="1" applyFill="1" applyBorder="1" applyAlignment="1">
      <alignment horizontal="center" vertical="center"/>
    </xf>
    <xf numFmtId="0" fontId="4" fillId="2" borderId="49" xfId="0" applyNumberFormat="1" applyFont="1" applyFill="1" applyBorder="1" applyAlignment="1">
      <alignment horizontal="center" vertical="center"/>
    </xf>
    <xf numFmtId="0" fontId="4" fillId="2" borderId="51" xfId="0" applyNumberFormat="1" applyFont="1" applyFill="1" applyBorder="1" applyAlignment="1">
      <alignment horizontal="center" vertical="center"/>
    </xf>
    <xf numFmtId="0" fontId="4" fillId="2" borderId="53" xfId="0" applyNumberFormat="1" applyFont="1" applyFill="1" applyBorder="1" applyAlignment="1">
      <alignment horizontal="center" vertical="center"/>
    </xf>
    <xf numFmtId="0" fontId="5" fillId="0" borderId="40" xfId="0" applyNumberFormat="1" applyFont="1" applyFill="1" applyBorder="1" applyAlignment="1">
      <alignment horizontal="center" vertical="top"/>
    </xf>
    <xf numFmtId="0" fontId="5" fillId="0" borderId="41" xfId="0" applyNumberFormat="1" applyFont="1" applyFill="1" applyBorder="1" applyAlignment="1">
      <alignment horizontal="center" vertical="top"/>
    </xf>
    <xf numFmtId="0" fontId="5" fillId="0" borderId="42" xfId="0" applyNumberFormat="1" applyFont="1" applyFill="1" applyBorder="1" applyAlignment="1">
      <alignment horizontal="center" vertical="top"/>
    </xf>
    <xf numFmtId="0" fontId="4" fillId="4" borderId="31" xfId="0" applyNumberFormat="1" applyFont="1" applyFill="1" applyBorder="1" applyAlignment="1">
      <alignment horizontal="center" vertical="center"/>
    </xf>
    <xf numFmtId="0" fontId="4" fillId="4" borderId="44" xfId="0" applyNumberFormat="1" applyFont="1" applyFill="1" applyBorder="1" applyAlignment="1">
      <alignment horizontal="center" vertical="center"/>
    </xf>
    <xf numFmtId="0" fontId="4" fillId="4" borderId="4" xfId="0" applyNumberFormat="1" applyFont="1" applyFill="1" applyBorder="1" applyAlignment="1">
      <alignment horizontal="center" vertical="center"/>
    </xf>
    <xf numFmtId="0" fontId="4" fillId="4" borderId="5" xfId="0" applyNumberFormat="1" applyFont="1" applyFill="1" applyBorder="1" applyAlignment="1">
      <alignment horizontal="center" vertical="center"/>
    </xf>
    <xf numFmtId="0" fontId="4" fillId="4" borderId="58" xfId="0" applyNumberFormat="1" applyFont="1" applyFill="1" applyBorder="1" applyAlignment="1">
      <alignment horizontal="center" vertical="center"/>
    </xf>
    <xf numFmtId="0" fontId="5" fillId="0" borderId="7" xfId="0" applyNumberFormat="1" applyFont="1" applyFill="1" applyBorder="1" applyAlignment="1">
      <alignment horizontal="center" vertical="top"/>
    </xf>
    <xf numFmtId="0" fontId="5" fillId="0" borderId="62" xfId="0" applyNumberFormat="1" applyFont="1" applyFill="1" applyBorder="1" applyAlignment="1">
      <alignment horizontal="center" vertical="top"/>
    </xf>
    <xf numFmtId="0" fontId="4" fillId="2" borderId="10" xfId="0" applyNumberFormat="1" applyFont="1" applyFill="1" applyBorder="1" applyAlignment="1">
      <alignment horizontal="center" vertical="center"/>
    </xf>
    <xf numFmtId="0" fontId="4" fillId="2" borderId="93" xfId="0" applyNumberFormat="1" applyFont="1" applyFill="1" applyBorder="1" applyAlignment="1">
      <alignment horizontal="center" vertical="center"/>
    </xf>
    <xf numFmtId="0" fontId="4" fillId="4" borderId="55" xfId="0" applyNumberFormat="1" applyFont="1" applyFill="1" applyBorder="1" applyAlignment="1">
      <alignment horizontal="center" vertical="center" wrapText="1"/>
    </xf>
    <xf numFmtId="0" fontId="4" fillId="4" borderId="56" xfId="0" applyNumberFormat="1" applyFont="1" applyFill="1" applyBorder="1" applyAlignment="1">
      <alignment horizontal="center" vertical="center" wrapText="1"/>
    </xf>
    <xf numFmtId="0" fontId="4" fillId="0" borderId="55" xfId="0" applyFont="1" applyFill="1" applyBorder="1" applyAlignment="1">
      <alignment horizontal="center" vertical="center"/>
    </xf>
    <xf numFmtId="0" fontId="4" fillId="0" borderId="56" xfId="0" applyFont="1" applyFill="1" applyBorder="1" applyAlignment="1">
      <alignment horizontal="center" vertical="center"/>
    </xf>
    <xf numFmtId="0" fontId="4" fillId="0" borderId="63" xfId="0" applyFont="1" applyFill="1" applyBorder="1" applyAlignment="1">
      <alignment horizontal="center" vertical="center"/>
    </xf>
    <xf numFmtId="0" fontId="4" fillId="4" borderId="150" xfId="0" applyNumberFormat="1" applyFont="1" applyFill="1" applyBorder="1" applyAlignment="1">
      <alignment horizontal="center" vertical="center" wrapText="1"/>
    </xf>
    <xf numFmtId="0" fontId="5" fillId="2" borderId="55" xfId="0" applyNumberFormat="1" applyFont="1" applyFill="1" applyBorder="1" applyAlignment="1">
      <alignment horizontal="center" vertical="center"/>
    </xf>
    <xf numFmtId="0" fontId="5" fillId="2" borderId="56" xfId="0" applyNumberFormat="1" applyFont="1" applyFill="1" applyBorder="1" applyAlignment="1">
      <alignment horizontal="center" vertical="center"/>
    </xf>
    <xf numFmtId="0" fontId="5" fillId="2" borderId="57" xfId="0" applyNumberFormat="1" applyFont="1" applyFill="1" applyBorder="1" applyAlignment="1">
      <alignment horizontal="center" vertical="center"/>
    </xf>
    <xf numFmtId="0" fontId="5" fillId="0" borderId="105" xfId="0" applyNumberFormat="1" applyFont="1" applyFill="1" applyBorder="1" applyAlignment="1">
      <alignment horizontal="center" vertical="center"/>
    </xf>
    <xf numFmtId="0" fontId="5" fillId="0" borderId="112" xfId="0" applyNumberFormat="1" applyFont="1" applyFill="1" applyBorder="1" applyAlignment="1">
      <alignment horizontal="center" vertical="center"/>
    </xf>
    <xf numFmtId="0" fontId="5" fillId="0" borderId="151" xfId="0" applyNumberFormat="1" applyFont="1" applyFill="1" applyBorder="1" applyAlignment="1">
      <alignment horizontal="center" vertical="center"/>
    </xf>
    <xf numFmtId="0" fontId="4" fillId="2" borderId="55" xfId="0" applyNumberFormat="1" applyFont="1" applyFill="1" applyBorder="1" applyAlignment="1">
      <alignment horizontal="center" vertical="center"/>
    </xf>
    <xf numFmtId="0" fontId="4" fillId="2" borderId="56" xfId="0" applyNumberFormat="1" applyFont="1" applyFill="1" applyBorder="1" applyAlignment="1">
      <alignment horizontal="center" vertical="center"/>
    </xf>
    <xf numFmtId="0" fontId="4" fillId="2" borderId="57" xfId="0" applyNumberFormat="1" applyFont="1" applyFill="1" applyBorder="1" applyAlignment="1">
      <alignment horizontal="center" vertical="center"/>
    </xf>
    <xf numFmtId="0" fontId="4" fillId="2" borderId="48" xfId="0" applyNumberFormat="1" applyFont="1" applyFill="1" applyBorder="1" applyAlignment="1">
      <alignment horizontal="center" vertical="center"/>
    </xf>
    <xf numFmtId="0" fontId="4" fillId="2" borderId="50" xfId="0" applyNumberFormat="1" applyFont="1" applyFill="1" applyBorder="1" applyAlignment="1">
      <alignment horizontal="center" vertical="center"/>
    </xf>
    <xf numFmtId="0" fontId="4" fillId="2" borderId="52" xfId="0" applyNumberFormat="1" applyFont="1" applyFill="1" applyBorder="1" applyAlignment="1">
      <alignment horizontal="center" vertical="center"/>
    </xf>
    <xf numFmtId="0" fontId="4" fillId="2" borderId="64" xfId="0" applyNumberFormat="1" applyFont="1" applyFill="1" applyBorder="1" applyAlignment="1">
      <alignment horizontal="center" vertical="center"/>
    </xf>
    <xf numFmtId="0" fontId="4" fillId="2" borderId="65" xfId="0" applyNumberFormat="1" applyFont="1" applyFill="1" applyBorder="1" applyAlignment="1">
      <alignment horizontal="center" vertical="center"/>
    </xf>
    <xf numFmtId="0" fontId="4" fillId="2" borderId="66" xfId="0" applyNumberFormat="1" applyFont="1" applyFill="1" applyBorder="1" applyAlignment="1">
      <alignment horizontal="center" vertical="center"/>
    </xf>
    <xf numFmtId="0" fontId="4" fillId="2" borderId="67" xfId="0" applyNumberFormat="1" applyFont="1" applyFill="1" applyBorder="1" applyAlignment="1">
      <alignment horizontal="center" vertical="center"/>
    </xf>
    <xf numFmtId="0" fontId="4" fillId="2" borderId="68" xfId="0" applyNumberFormat="1" applyFont="1" applyFill="1" applyBorder="1" applyAlignment="1">
      <alignment horizontal="center" vertical="center"/>
    </xf>
    <xf numFmtId="0" fontId="4" fillId="2" borderId="69" xfId="0" applyNumberFormat="1" applyFont="1" applyFill="1" applyBorder="1" applyAlignment="1">
      <alignment horizontal="center" vertical="center"/>
    </xf>
    <xf numFmtId="0" fontId="4" fillId="4" borderId="122" xfId="0" applyNumberFormat="1" applyFont="1" applyFill="1" applyBorder="1" applyAlignment="1">
      <alignment horizontal="center" vertical="center"/>
    </xf>
    <xf numFmtId="0" fontId="4" fillId="4" borderId="120" xfId="0" applyNumberFormat="1" applyFont="1" applyFill="1" applyBorder="1" applyAlignment="1">
      <alignment horizontal="center" vertical="center"/>
    </xf>
    <xf numFmtId="0" fontId="4" fillId="2" borderId="122" xfId="0" applyNumberFormat="1" applyFont="1" applyFill="1" applyBorder="1" applyAlignment="1">
      <alignment horizontal="center" vertical="center"/>
    </xf>
    <xf numFmtId="0" fontId="4" fillId="2" borderId="120" xfId="0" applyNumberFormat="1" applyFont="1" applyFill="1" applyBorder="1" applyAlignment="1">
      <alignment horizontal="center" vertical="center"/>
    </xf>
    <xf numFmtId="0" fontId="4" fillId="2" borderId="121" xfId="0" applyNumberFormat="1" applyFont="1" applyFill="1" applyBorder="1" applyAlignment="1">
      <alignment horizontal="center" vertical="center"/>
    </xf>
    <xf numFmtId="0" fontId="4" fillId="2" borderId="3" xfId="0" applyNumberFormat="1" applyFont="1" applyFill="1" applyBorder="1" applyAlignment="1">
      <alignment horizontal="center" vertical="center"/>
    </xf>
    <xf numFmtId="0" fontId="4" fillId="2" borderId="7" xfId="0" applyNumberFormat="1" applyFont="1" applyFill="1" applyBorder="1" applyAlignment="1">
      <alignment horizontal="center" vertical="center"/>
    </xf>
    <xf numFmtId="0" fontId="4" fillId="2" borderId="62" xfId="0" applyNumberFormat="1" applyFont="1" applyFill="1" applyBorder="1" applyAlignment="1">
      <alignment horizontal="center" vertical="center"/>
    </xf>
    <xf numFmtId="0" fontId="4" fillId="0" borderId="86" xfId="0" applyNumberFormat="1" applyFont="1" applyFill="1" applyBorder="1" applyAlignment="1">
      <alignment horizontal="center" vertical="center"/>
    </xf>
    <xf numFmtId="0" fontId="4" fillId="0" borderId="19" xfId="0" applyNumberFormat="1" applyFont="1" applyFill="1" applyBorder="1" applyAlignment="1">
      <alignment horizontal="center" vertical="center"/>
    </xf>
    <xf numFmtId="0" fontId="4" fillId="0" borderId="85" xfId="0" applyNumberFormat="1" applyFont="1" applyFill="1" applyBorder="1" applyAlignment="1">
      <alignment horizontal="center" vertical="center"/>
    </xf>
    <xf numFmtId="0" fontId="4" fillId="0" borderId="8" xfId="0" applyNumberFormat="1" applyFont="1" applyFill="1" applyBorder="1" applyAlignment="1">
      <alignment horizontal="center" vertical="center"/>
    </xf>
    <xf numFmtId="0" fontId="4" fillId="0" borderId="0" xfId="0" applyNumberFormat="1" applyFont="1" applyFill="1" applyBorder="1" applyAlignment="1">
      <alignment horizontal="center" vertical="center"/>
    </xf>
    <xf numFmtId="0" fontId="4" fillId="0" borderId="7" xfId="0" applyNumberFormat="1" applyFont="1" applyFill="1" applyBorder="1" applyAlignment="1">
      <alignment horizontal="center" vertical="center"/>
    </xf>
    <xf numFmtId="0" fontId="4" fillId="0" borderId="54" xfId="0" applyNumberFormat="1" applyFont="1" applyFill="1" applyBorder="1" applyAlignment="1">
      <alignment horizontal="center" vertical="center"/>
    </xf>
    <xf numFmtId="0" fontId="4" fillId="0" borderId="25" xfId="0" applyNumberFormat="1" applyFont="1" applyFill="1" applyBorder="1" applyAlignment="1">
      <alignment horizontal="center" vertical="center"/>
    </xf>
    <xf numFmtId="0" fontId="4" fillId="0" borderId="62" xfId="0" applyNumberFormat="1" applyFont="1" applyFill="1" applyBorder="1" applyAlignment="1">
      <alignment horizontal="center" vertical="center"/>
    </xf>
    <xf numFmtId="0" fontId="4" fillId="0" borderId="36" xfId="0" applyNumberFormat="1" applyFont="1" applyFill="1" applyBorder="1" applyAlignment="1">
      <alignment horizontal="left" vertical="center" wrapText="1"/>
    </xf>
    <xf numFmtId="0" fontId="4" fillId="0" borderId="37" xfId="0" applyNumberFormat="1" applyFont="1" applyFill="1" applyBorder="1" applyAlignment="1">
      <alignment horizontal="left" vertical="center" wrapText="1"/>
    </xf>
    <xf numFmtId="0" fontId="4" fillId="4" borderId="40" xfId="0" applyNumberFormat="1" applyFont="1" applyFill="1" applyBorder="1" applyAlignment="1">
      <alignment horizontal="center" vertical="center"/>
    </xf>
    <xf numFmtId="0" fontId="4" fillId="4" borderId="41" xfId="0" applyNumberFormat="1" applyFont="1" applyFill="1" applyBorder="1" applyAlignment="1">
      <alignment horizontal="center" vertical="center"/>
    </xf>
    <xf numFmtId="0" fontId="4" fillId="4" borderId="42" xfId="0" applyNumberFormat="1" applyFont="1" applyFill="1" applyBorder="1" applyAlignment="1">
      <alignment horizontal="center" vertical="center"/>
    </xf>
    <xf numFmtId="0" fontId="4" fillId="4" borderId="55" xfId="0" applyNumberFormat="1" applyFont="1" applyFill="1" applyBorder="1" applyAlignment="1">
      <alignment horizontal="center" vertical="center"/>
    </xf>
    <xf numFmtId="0" fontId="4" fillId="4" borderId="56" xfId="0" applyNumberFormat="1" applyFont="1" applyFill="1" applyBorder="1" applyAlignment="1">
      <alignment horizontal="center" vertical="center"/>
    </xf>
    <xf numFmtId="0" fontId="4" fillId="0" borderId="55" xfId="0" applyNumberFormat="1" applyFont="1" applyFill="1" applyBorder="1" applyAlignment="1">
      <alignment horizontal="center" vertical="center"/>
    </xf>
    <xf numFmtId="0" fontId="4" fillId="0" borderId="56" xfId="0" applyNumberFormat="1" applyFont="1" applyFill="1" applyBorder="1" applyAlignment="1">
      <alignment horizontal="center" vertical="center"/>
    </xf>
    <xf numFmtId="0" fontId="4" fillId="0" borderId="83" xfId="0" applyNumberFormat="1" applyFont="1" applyFill="1" applyBorder="1" applyAlignment="1">
      <alignment horizontal="center" vertical="center"/>
    </xf>
    <xf numFmtId="0" fontId="4" fillId="4" borderId="77" xfId="0" applyNumberFormat="1" applyFont="1" applyFill="1" applyBorder="1" applyAlignment="1">
      <alignment horizontal="center" vertical="center"/>
    </xf>
    <xf numFmtId="0" fontId="4" fillId="4" borderId="78" xfId="0" applyNumberFormat="1" applyFont="1" applyFill="1" applyBorder="1" applyAlignment="1">
      <alignment horizontal="center" vertical="center"/>
    </xf>
    <xf numFmtId="0" fontId="4" fillId="4" borderId="88" xfId="0" applyNumberFormat="1" applyFont="1" applyFill="1" applyBorder="1" applyAlignment="1">
      <alignment horizontal="center" vertical="center"/>
    </xf>
    <xf numFmtId="0" fontId="4" fillId="4" borderId="89" xfId="0" applyNumberFormat="1" applyFont="1" applyFill="1" applyBorder="1" applyAlignment="1">
      <alignment horizontal="center" vertical="center"/>
    </xf>
    <xf numFmtId="0" fontId="4" fillId="2" borderId="90" xfId="0" applyNumberFormat="1" applyFont="1" applyFill="1" applyBorder="1" applyAlignment="1">
      <alignment horizontal="center" vertical="center"/>
    </xf>
    <xf numFmtId="0" fontId="4" fillId="2" borderId="89" xfId="0" applyNumberFormat="1" applyFont="1" applyFill="1" applyBorder="1" applyAlignment="1">
      <alignment horizontal="center" vertical="center"/>
    </xf>
    <xf numFmtId="0" fontId="4" fillId="2" borderId="142" xfId="0" applyNumberFormat="1" applyFont="1" applyFill="1" applyBorder="1" applyAlignment="1">
      <alignment horizontal="center" vertical="center"/>
    </xf>
    <xf numFmtId="0" fontId="4" fillId="0" borderId="78" xfId="0" applyNumberFormat="1" applyFont="1" applyFill="1" applyBorder="1" applyAlignment="1">
      <alignment horizontal="right" vertical="center" wrapText="1"/>
    </xf>
    <xf numFmtId="0" fontId="4" fillId="0" borderId="112" xfId="0" applyNumberFormat="1" applyFont="1" applyFill="1" applyBorder="1" applyAlignment="1">
      <alignment horizontal="right" vertical="center" wrapText="1"/>
    </xf>
    <xf numFmtId="0" fontId="4" fillId="0" borderId="137" xfId="0" applyNumberFormat="1" applyFont="1" applyFill="1" applyBorder="1" applyAlignment="1">
      <alignment horizontal="right" vertical="center" wrapText="1"/>
    </xf>
    <xf numFmtId="0" fontId="4" fillId="4" borderId="148" xfId="0" applyNumberFormat="1" applyFont="1" applyFill="1" applyBorder="1" applyAlignment="1">
      <alignment horizontal="center" vertical="center"/>
    </xf>
    <xf numFmtId="0" fontId="13" fillId="0" borderId="31" xfId="0" applyFont="1" applyBorder="1"/>
    <xf numFmtId="0" fontId="13" fillId="0" borderId="22" xfId="0" applyFont="1" applyBorder="1"/>
    <xf numFmtId="0" fontId="13" fillId="0" borderId="0" xfId="0" applyFont="1" applyBorder="1"/>
    <xf numFmtId="0" fontId="13" fillId="0" borderId="7" xfId="0" applyFont="1" applyBorder="1"/>
    <xf numFmtId="0" fontId="13" fillId="0" borderId="54" xfId="0" applyFont="1" applyBorder="1"/>
    <xf numFmtId="0" fontId="13" fillId="0" borderId="25" xfId="0" applyFont="1" applyBorder="1"/>
    <xf numFmtId="0" fontId="13" fillId="0" borderId="62" xfId="0" applyFont="1" applyBorder="1"/>
    <xf numFmtId="0" fontId="4" fillId="4" borderId="86" xfId="0" applyNumberFormat="1" applyFont="1" applyFill="1" applyBorder="1" applyAlignment="1">
      <alignment horizontal="center" vertical="center"/>
    </xf>
    <xf numFmtId="0" fontId="4" fillId="4" borderId="19" xfId="0" applyNumberFormat="1" applyFont="1" applyFill="1" applyBorder="1" applyAlignment="1">
      <alignment horizontal="center" vertical="center"/>
    </xf>
    <xf numFmtId="0" fontId="4" fillId="4" borderId="85" xfId="0" applyNumberFormat="1" applyFont="1" applyFill="1" applyBorder="1" applyAlignment="1">
      <alignment horizontal="center" vertical="center"/>
    </xf>
    <xf numFmtId="0" fontId="4" fillId="4" borderId="119" xfId="0" applyNumberFormat="1" applyFont="1" applyFill="1" applyBorder="1" applyAlignment="1">
      <alignment horizontal="center" vertical="center"/>
    </xf>
    <xf numFmtId="0" fontId="4" fillId="4" borderId="82" xfId="0" applyNumberFormat="1" applyFont="1" applyFill="1" applyBorder="1" applyAlignment="1">
      <alignment horizontal="center" vertical="center"/>
    </xf>
    <xf numFmtId="0" fontId="4" fillId="4" borderId="23" xfId="0" applyNumberFormat="1" applyFont="1" applyFill="1" applyBorder="1" applyAlignment="1">
      <alignment horizontal="center" vertical="center"/>
    </xf>
    <xf numFmtId="0" fontId="14" fillId="0" borderId="152" xfId="0" applyNumberFormat="1" applyFont="1" applyBorder="1" applyAlignment="1">
      <alignment horizontal="center" vertical="center" wrapText="1"/>
    </xf>
    <xf numFmtId="0" fontId="14" fillId="0" borderId="3" xfId="0" applyNumberFormat="1" applyFont="1" applyBorder="1" applyAlignment="1">
      <alignment horizontal="center" vertical="center" wrapText="1"/>
    </xf>
    <xf numFmtId="0" fontId="14" fillId="0" borderId="9" xfId="0" applyNumberFormat="1" applyFont="1" applyBorder="1" applyAlignment="1">
      <alignment horizontal="center" vertical="center" wrapText="1"/>
    </xf>
    <xf numFmtId="0" fontId="14" fillId="0" borderId="7" xfId="0" applyNumberFormat="1" applyFont="1" applyBorder="1" applyAlignment="1">
      <alignment horizontal="center" vertical="center" wrapText="1"/>
    </xf>
    <xf numFmtId="0" fontId="14" fillId="0" borderId="73" xfId="0" applyNumberFormat="1" applyFont="1" applyBorder="1" applyAlignment="1">
      <alignment horizontal="center" vertical="center" wrapText="1"/>
    </xf>
    <xf numFmtId="0" fontId="14" fillId="0" borderId="62" xfId="0" applyNumberFormat="1" applyFont="1" applyBorder="1" applyAlignment="1">
      <alignment horizontal="center" vertical="center" wrapText="1"/>
    </xf>
    <xf numFmtId="0" fontId="4" fillId="4" borderId="43" xfId="0" applyNumberFormat="1" applyFont="1" applyFill="1" applyBorder="1" applyAlignment="1">
      <alignment horizontal="center" vertical="center" wrapText="1" shrinkToFit="1"/>
    </xf>
    <xf numFmtId="0" fontId="4" fillId="4" borderId="31" xfId="0" applyNumberFormat="1" applyFont="1" applyFill="1" applyBorder="1" applyAlignment="1">
      <alignment horizontal="center" vertical="center" shrinkToFit="1"/>
    </xf>
    <xf numFmtId="0" fontId="4" fillId="4" borderId="22" xfId="0" applyNumberFormat="1" applyFont="1" applyFill="1" applyBorder="1" applyAlignment="1">
      <alignment horizontal="center" vertical="center" shrinkToFit="1"/>
    </xf>
    <xf numFmtId="0" fontId="4" fillId="4" borderId="4" xfId="0" applyNumberFormat="1" applyFont="1" applyFill="1" applyBorder="1" applyAlignment="1">
      <alignment horizontal="center" vertical="center" shrinkToFit="1"/>
    </xf>
    <xf numFmtId="0" fontId="4" fillId="4" borderId="5" xfId="0" applyNumberFormat="1" applyFont="1" applyFill="1" applyBorder="1" applyAlignment="1">
      <alignment horizontal="center" vertical="center" shrinkToFit="1"/>
    </xf>
    <xf numFmtId="0" fontId="4" fillId="4" borderId="6" xfId="0" applyNumberFormat="1" applyFont="1" applyFill="1" applyBorder="1" applyAlignment="1">
      <alignment horizontal="center" vertical="center" shrinkToFit="1"/>
    </xf>
    <xf numFmtId="49" fontId="10" fillId="0" borderId="8" xfId="0" applyNumberFormat="1" applyFont="1" applyBorder="1" applyAlignment="1">
      <alignment horizontal="center" vertical="center"/>
    </xf>
    <xf numFmtId="49" fontId="10" fillId="0" borderId="0" xfId="0" applyNumberFormat="1" applyFont="1" applyBorder="1" applyAlignment="1">
      <alignment horizontal="center" vertical="center"/>
    </xf>
    <xf numFmtId="49" fontId="10" fillId="0" borderId="7" xfId="0" applyNumberFormat="1" applyFont="1" applyBorder="1" applyAlignment="1">
      <alignment horizontal="center" vertical="center"/>
    </xf>
    <xf numFmtId="49" fontId="10" fillId="0" borderId="54" xfId="0" applyNumberFormat="1" applyFont="1" applyBorder="1" applyAlignment="1">
      <alignment horizontal="center" vertical="center"/>
    </xf>
    <xf numFmtId="49" fontId="10" fillId="0" borderId="25" xfId="0" applyNumberFormat="1" applyFont="1" applyBorder="1" applyAlignment="1">
      <alignment horizontal="center" vertical="center"/>
    </xf>
    <xf numFmtId="49" fontId="10" fillId="0" borderId="62" xfId="0" applyNumberFormat="1" applyFont="1" applyBorder="1" applyAlignment="1">
      <alignment horizontal="center" vertical="center"/>
    </xf>
    <xf numFmtId="0" fontId="4" fillId="0" borderId="1" xfId="0" applyNumberFormat="1" applyFont="1" applyFill="1" applyBorder="1" applyAlignment="1">
      <alignment horizontal="left" vertical="center" wrapText="1"/>
    </xf>
    <xf numFmtId="0" fontId="4" fillId="0" borderId="2" xfId="0" applyNumberFormat="1" applyFont="1" applyFill="1" applyBorder="1" applyAlignment="1">
      <alignment horizontal="left" vertical="center" wrapText="1"/>
    </xf>
    <xf numFmtId="0" fontId="4" fillId="0" borderId="3" xfId="0" applyNumberFormat="1" applyFont="1" applyFill="1" applyBorder="1" applyAlignment="1">
      <alignment horizontal="left" vertical="center" wrapText="1"/>
    </xf>
    <xf numFmtId="0" fontId="4" fillId="0" borderId="8" xfId="0" applyNumberFormat="1" applyFont="1" applyFill="1" applyBorder="1" applyAlignment="1">
      <alignment horizontal="left" vertical="center" wrapText="1"/>
    </xf>
    <xf numFmtId="0" fontId="4" fillId="0" borderId="0" xfId="0" applyNumberFormat="1" applyFont="1" applyFill="1" applyBorder="1" applyAlignment="1">
      <alignment horizontal="left" vertical="center" wrapText="1"/>
    </xf>
    <xf numFmtId="0" fontId="4" fillId="0" borderId="7" xfId="0" applyNumberFormat="1" applyFont="1" applyFill="1" applyBorder="1" applyAlignment="1">
      <alignment horizontal="left" vertical="center" wrapText="1"/>
    </xf>
    <xf numFmtId="0" fontId="4" fillId="0" borderId="54" xfId="0" applyNumberFormat="1" applyFont="1" applyFill="1" applyBorder="1" applyAlignment="1">
      <alignment horizontal="left" vertical="center" wrapText="1"/>
    </xf>
    <xf numFmtId="0" fontId="4" fillId="0" borderId="25" xfId="0" applyNumberFormat="1" applyFont="1" applyFill="1" applyBorder="1" applyAlignment="1">
      <alignment horizontal="left" vertical="center" wrapText="1"/>
    </xf>
    <xf numFmtId="0" fontId="4" fillId="0" borderId="62" xfId="0" applyNumberFormat="1" applyFont="1" applyFill="1" applyBorder="1" applyAlignment="1">
      <alignment horizontal="left" vertical="center" wrapText="1"/>
    </xf>
    <xf numFmtId="0" fontId="4" fillId="4" borderId="99" xfId="0" applyNumberFormat="1" applyFont="1" applyFill="1" applyBorder="1" applyAlignment="1">
      <alignment horizontal="center" vertical="center"/>
    </xf>
    <xf numFmtId="0" fontId="4" fillId="4" borderId="94" xfId="0" applyNumberFormat="1" applyFont="1" applyFill="1" applyBorder="1" applyAlignment="1">
      <alignment horizontal="center" vertical="center"/>
    </xf>
    <xf numFmtId="0" fontId="4" fillId="4" borderId="100" xfId="0" applyNumberFormat="1" applyFont="1" applyFill="1" applyBorder="1" applyAlignment="1">
      <alignment horizontal="center" vertical="center"/>
    </xf>
    <xf numFmtId="0" fontId="4" fillId="4" borderId="98" xfId="0" applyNumberFormat="1" applyFont="1" applyFill="1" applyBorder="1" applyAlignment="1">
      <alignment horizontal="center" vertical="center"/>
    </xf>
    <xf numFmtId="0" fontId="5" fillId="0" borderId="94" xfId="0" applyNumberFormat="1" applyFont="1" applyFill="1" applyBorder="1" applyAlignment="1">
      <alignment horizontal="center" vertical="center"/>
    </xf>
    <xf numFmtId="0" fontId="5" fillId="0" borderId="95" xfId="0" applyNumberFormat="1" applyFont="1" applyFill="1" applyBorder="1" applyAlignment="1">
      <alignment horizontal="center" vertical="center"/>
    </xf>
    <xf numFmtId="0" fontId="4" fillId="4" borderId="112" xfId="0" applyNumberFormat="1" applyFont="1" applyFill="1" applyBorder="1" applyAlignment="1">
      <alignment horizontal="center" vertical="center"/>
    </xf>
    <xf numFmtId="0" fontId="4" fillId="4" borderId="95" xfId="0" applyNumberFormat="1" applyFont="1" applyFill="1" applyBorder="1" applyAlignment="1">
      <alignment horizontal="center" vertical="center"/>
    </xf>
    <xf numFmtId="0" fontId="4" fillId="4" borderId="18" xfId="0" applyNumberFormat="1" applyFont="1" applyFill="1" applyBorder="1" applyAlignment="1">
      <alignment horizontal="center" vertical="center"/>
    </xf>
    <xf numFmtId="0" fontId="4" fillId="4" borderId="11" xfId="0" applyNumberFormat="1" applyFont="1" applyFill="1" applyBorder="1" applyAlignment="1">
      <alignment horizontal="center" vertical="center"/>
    </xf>
    <xf numFmtId="0" fontId="4" fillId="4" borderId="12" xfId="0" applyNumberFormat="1" applyFont="1" applyFill="1" applyBorder="1" applyAlignment="1">
      <alignment horizontal="center" vertical="center"/>
    </xf>
    <xf numFmtId="0" fontId="4" fillId="4" borderId="15" xfId="0" applyNumberFormat="1" applyFont="1" applyFill="1" applyBorder="1" applyAlignment="1">
      <alignment horizontal="center" vertical="center"/>
    </xf>
    <xf numFmtId="0" fontId="4" fillId="0" borderId="14" xfId="0" applyNumberFormat="1" applyFont="1" applyFill="1" applyBorder="1" applyAlignment="1">
      <alignment horizontal="center" vertical="center"/>
    </xf>
    <xf numFmtId="0" fontId="4" fillId="0" borderId="12" xfId="0" applyNumberFormat="1" applyFont="1" applyFill="1" applyBorder="1" applyAlignment="1">
      <alignment horizontal="center" vertical="center"/>
    </xf>
    <xf numFmtId="0" fontId="4" fillId="0" borderId="94" xfId="0" applyNumberFormat="1" applyFont="1" applyFill="1" applyBorder="1" applyAlignment="1">
      <alignment horizontal="center" vertical="center"/>
    </xf>
    <xf numFmtId="0" fontId="4" fillId="0" borderId="98" xfId="0" applyNumberFormat="1" applyFont="1" applyFill="1" applyBorder="1" applyAlignment="1">
      <alignment horizontal="center" vertical="center"/>
    </xf>
    <xf numFmtId="0" fontId="4" fillId="4" borderId="152" xfId="0" applyNumberFormat="1" applyFont="1" applyFill="1" applyBorder="1" applyAlignment="1">
      <alignment horizontal="center" vertical="center"/>
    </xf>
    <xf numFmtId="0" fontId="4" fillId="4" borderId="73" xfId="0" applyNumberFormat="1" applyFont="1" applyFill="1" applyBorder="1" applyAlignment="1">
      <alignment horizontal="center" vertical="center"/>
    </xf>
    <xf numFmtId="0" fontId="4" fillId="4" borderId="36" xfId="0" applyNumberFormat="1" applyFont="1" applyFill="1" applyBorder="1" applyAlignment="1">
      <alignment horizontal="center" vertical="center"/>
    </xf>
    <xf numFmtId="0" fontId="4" fillId="4" borderId="37" xfId="0" applyNumberFormat="1" applyFont="1" applyFill="1" applyBorder="1" applyAlignment="1">
      <alignment horizontal="center" vertical="center"/>
    </xf>
    <xf numFmtId="0" fontId="4" fillId="4" borderId="38" xfId="0" applyNumberFormat="1" applyFont="1" applyFill="1" applyBorder="1" applyAlignment="1">
      <alignment horizontal="center" vertical="center"/>
    </xf>
    <xf numFmtId="0" fontId="4" fillId="0" borderId="83" xfId="0" applyFont="1" applyFill="1" applyBorder="1" applyAlignment="1">
      <alignment horizontal="center" vertical="center"/>
    </xf>
    <xf numFmtId="0" fontId="4" fillId="4" borderId="74" xfId="0" applyNumberFormat="1" applyFont="1" applyFill="1" applyBorder="1" applyAlignment="1">
      <alignment horizontal="center" vertical="center"/>
    </xf>
    <xf numFmtId="0" fontId="4" fillId="4" borderId="35" xfId="0" applyNumberFormat="1" applyFont="1" applyFill="1" applyBorder="1" applyAlignment="1">
      <alignment horizontal="center" vertical="center"/>
    </xf>
    <xf numFmtId="0" fontId="4" fillId="2" borderId="59" xfId="0" applyNumberFormat="1" applyFont="1" applyFill="1" applyBorder="1" applyAlignment="1">
      <alignment horizontal="center" vertical="center"/>
    </xf>
    <xf numFmtId="0" fontId="4" fillId="2" borderId="60" xfId="0" applyNumberFormat="1" applyFont="1" applyFill="1" applyBorder="1" applyAlignment="1">
      <alignment horizontal="center" vertical="center"/>
    </xf>
    <xf numFmtId="0" fontId="4" fillId="2" borderId="61" xfId="0" applyNumberFormat="1" applyFont="1" applyFill="1" applyBorder="1" applyAlignment="1">
      <alignment horizontal="center" vertical="center"/>
    </xf>
    <xf numFmtId="0" fontId="4" fillId="4" borderId="105" xfId="0" applyNumberFormat="1" applyFont="1" applyFill="1" applyBorder="1" applyAlignment="1">
      <alignment horizontal="center" vertical="center"/>
    </xf>
    <xf numFmtId="0" fontId="4" fillId="4" borderId="79" xfId="0" applyNumberFormat="1" applyFont="1" applyFill="1" applyBorder="1" applyAlignment="1">
      <alignment horizontal="center" vertical="center"/>
    </xf>
    <xf numFmtId="0" fontId="4" fillId="4" borderId="80" xfId="0" applyNumberFormat="1" applyFont="1" applyFill="1" applyBorder="1" applyAlignment="1">
      <alignment horizontal="center" vertical="center"/>
    </xf>
    <xf numFmtId="0" fontId="5" fillId="2" borderId="13" xfId="0" applyNumberFormat="1" applyFont="1" applyFill="1" applyBorder="1" applyAlignment="1">
      <alignment horizontal="center" vertical="center" wrapText="1"/>
    </xf>
    <xf numFmtId="0" fontId="4" fillId="4" borderId="81" xfId="0" applyNumberFormat="1" applyFont="1" applyFill="1" applyBorder="1" applyAlignment="1">
      <alignment horizontal="center" vertical="center"/>
    </xf>
    <xf numFmtId="0" fontId="4" fillId="0" borderId="153" xfId="0" applyNumberFormat="1" applyFont="1" applyFill="1" applyBorder="1" applyAlignment="1">
      <alignment horizontal="center" vertical="center"/>
    </xf>
    <xf numFmtId="0" fontId="4" fillId="0" borderId="112" xfId="0" applyNumberFormat="1" applyFont="1" applyFill="1" applyBorder="1" applyAlignment="1">
      <alignment horizontal="center" vertical="center"/>
    </xf>
    <xf numFmtId="0" fontId="4" fillId="0" borderId="151" xfId="0" applyNumberFormat="1" applyFont="1" applyFill="1" applyBorder="1" applyAlignment="1">
      <alignment horizontal="center" vertical="center"/>
    </xf>
    <xf numFmtId="0" fontId="4" fillId="0" borderId="95" xfId="0" applyNumberFormat="1" applyFont="1" applyFill="1" applyBorder="1" applyAlignment="1">
      <alignment horizontal="center" vertical="center"/>
    </xf>
    <xf numFmtId="0" fontId="4" fillId="0" borderId="154" xfId="0" applyNumberFormat="1" applyFont="1" applyFill="1" applyBorder="1" applyAlignment="1">
      <alignment horizontal="center" vertical="center"/>
    </xf>
    <xf numFmtId="0" fontId="4" fillId="4" borderId="75" xfId="0" applyNumberFormat="1" applyFont="1" applyFill="1" applyBorder="1" applyAlignment="1">
      <alignment horizontal="center" vertical="center"/>
    </xf>
    <xf numFmtId="0" fontId="5" fillId="3" borderId="9" xfId="0" applyNumberFormat="1" applyFont="1" applyFill="1" applyBorder="1" applyAlignment="1">
      <alignment horizontal="center" vertical="top" wrapText="1"/>
    </xf>
    <xf numFmtId="0" fontId="5" fillId="3" borderId="0" xfId="0" applyNumberFormat="1" applyFont="1" applyFill="1" applyBorder="1" applyAlignment="1">
      <alignment horizontal="center" vertical="top" wrapText="1"/>
    </xf>
    <xf numFmtId="0" fontId="5" fillId="3" borderId="0" xfId="0" applyFont="1" applyFill="1" applyBorder="1" applyAlignment="1">
      <alignment horizontal="left" vertical="center" wrapText="1"/>
    </xf>
    <xf numFmtId="0" fontId="5" fillId="3" borderId="0" xfId="0" applyNumberFormat="1" applyFont="1" applyFill="1" applyBorder="1" applyAlignment="1">
      <alignment horizontal="left" vertical="top"/>
    </xf>
    <xf numFmtId="0" fontId="5" fillId="3" borderId="0" xfId="0" applyNumberFormat="1" applyFont="1" applyFill="1" applyBorder="1" applyAlignment="1">
      <alignment vertical="top"/>
    </xf>
    <xf numFmtId="0" fontId="4" fillId="3" borderId="0" xfId="0" applyNumberFormat="1" applyFont="1" applyFill="1" applyBorder="1" applyAlignment="1">
      <alignment horizontal="left" vertical="top"/>
    </xf>
    <xf numFmtId="0" fontId="4" fillId="4" borderId="1" xfId="0" applyFont="1" applyFill="1" applyBorder="1" applyAlignment="1">
      <alignment horizontal="center" vertical="center"/>
    </xf>
    <xf numFmtId="0" fontId="4" fillId="4" borderId="2" xfId="0" applyFont="1" applyFill="1" applyBorder="1" applyAlignment="1">
      <alignment horizontal="center" vertical="center"/>
    </xf>
    <xf numFmtId="0" fontId="4" fillId="4" borderId="92" xfId="0" applyFont="1" applyFill="1" applyBorder="1" applyAlignment="1">
      <alignment horizontal="center" vertical="center"/>
    </xf>
    <xf numFmtId="0" fontId="4" fillId="4" borderId="14" xfId="0" applyFont="1" applyFill="1" applyBorder="1" applyAlignment="1">
      <alignment horizontal="center" vertical="center"/>
    </xf>
    <xf numFmtId="0" fontId="4" fillId="4" borderId="12" xfId="0" applyFont="1" applyFill="1" applyBorder="1" applyAlignment="1">
      <alignment horizontal="center" vertical="center"/>
    </xf>
    <xf numFmtId="0" fontId="4" fillId="4" borderId="21" xfId="0" applyFont="1" applyFill="1" applyBorder="1" applyAlignment="1">
      <alignment horizontal="center" vertical="center"/>
    </xf>
    <xf numFmtId="0" fontId="4" fillId="4" borderId="3" xfId="0" applyFont="1" applyFill="1" applyBorder="1" applyAlignment="1">
      <alignment horizontal="center" vertical="center"/>
    </xf>
    <xf numFmtId="0" fontId="4" fillId="4" borderId="15" xfId="0" applyFont="1" applyFill="1" applyBorder="1" applyAlignment="1">
      <alignment horizontal="center" vertical="center"/>
    </xf>
    <xf numFmtId="0" fontId="5" fillId="0" borderId="1" xfId="0" applyFont="1" applyFill="1" applyBorder="1" applyAlignment="1">
      <alignment horizontal="center"/>
    </xf>
    <xf numFmtId="0" fontId="5" fillId="0" borderId="2" xfId="0" applyFont="1" applyFill="1" applyBorder="1" applyAlignment="1">
      <alignment horizontal="center"/>
    </xf>
    <xf numFmtId="0" fontId="5" fillId="0" borderId="3" xfId="0" applyFont="1" applyFill="1" applyBorder="1" applyAlignment="1">
      <alignment horizontal="center"/>
    </xf>
    <xf numFmtId="0" fontId="5" fillId="0" borderId="14" xfId="0" applyFont="1" applyFill="1" applyBorder="1" applyAlignment="1">
      <alignment horizontal="center"/>
    </xf>
    <xf numFmtId="0" fontId="5" fillId="0" borderId="12" xfId="0" applyFont="1" applyFill="1" applyBorder="1" applyAlignment="1">
      <alignment horizontal="center"/>
    </xf>
    <xf numFmtId="0" fontId="5" fillId="0" borderId="15" xfId="0" applyFont="1" applyFill="1" applyBorder="1" applyAlignment="1">
      <alignment horizontal="center"/>
    </xf>
    <xf numFmtId="0" fontId="7" fillId="2" borderId="0" xfId="0" applyNumberFormat="1" applyFont="1" applyFill="1" applyBorder="1" applyAlignment="1">
      <alignment horizontal="center" vertical="center"/>
    </xf>
    <xf numFmtId="0" fontId="5" fillId="0" borderId="36" xfId="0" applyFont="1" applyBorder="1" applyAlignment="1">
      <alignment horizontal="center"/>
    </xf>
    <xf numFmtId="0" fontId="5" fillId="0" borderId="37" xfId="0" applyFont="1" applyBorder="1" applyAlignment="1">
      <alignment horizontal="center"/>
    </xf>
    <xf numFmtId="0" fontId="5" fillId="0" borderId="38" xfId="0" applyFont="1" applyBorder="1" applyAlignment="1">
      <alignment horizontal="center"/>
    </xf>
    <xf numFmtId="0" fontId="4" fillId="0" borderId="36" xfId="0" applyNumberFormat="1" applyFont="1" applyFill="1" applyBorder="1" applyAlignment="1">
      <alignment horizontal="center" vertical="center"/>
    </xf>
    <xf numFmtId="0" fontId="4" fillId="0" borderId="37" xfId="0" applyNumberFormat="1" applyFont="1" applyFill="1" applyBorder="1" applyAlignment="1">
      <alignment horizontal="center" vertical="center"/>
    </xf>
    <xf numFmtId="0" fontId="4" fillId="0" borderId="38" xfId="0" applyNumberFormat="1" applyFont="1" applyFill="1" applyBorder="1" applyAlignment="1">
      <alignment horizontal="center" vertical="center"/>
    </xf>
    <xf numFmtId="0" fontId="4" fillId="0" borderId="15" xfId="0" applyNumberFormat="1" applyFont="1" applyFill="1" applyBorder="1" applyAlignment="1">
      <alignment horizontal="center" vertical="center"/>
    </xf>
    <xf numFmtId="0" fontId="4" fillId="0" borderId="20" xfId="0" applyNumberFormat="1" applyFont="1" applyFill="1" applyBorder="1" applyAlignment="1">
      <alignment horizontal="center" vertical="center"/>
    </xf>
    <xf numFmtId="0" fontId="4" fillId="0" borderId="21" xfId="0" applyNumberFormat="1" applyFont="1" applyFill="1" applyBorder="1" applyAlignment="1">
      <alignment horizontal="center" vertical="center"/>
    </xf>
    <xf numFmtId="0" fontId="8" fillId="0" borderId="0" xfId="3" applyFont="1" applyBorder="1" applyAlignment="1">
      <alignment horizontal="center" vertical="center"/>
    </xf>
    <xf numFmtId="0" fontId="5" fillId="0" borderId="0" xfId="3" applyFont="1" applyBorder="1" applyAlignment="1">
      <alignment horizontal="right" vertical="center"/>
    </xf>
    <xf numFmtId="0" fontId="5" fillId="0" borderId="0" xfId="3" applyFont="1" applyBorder="1" applyAlignment="1">
      <alignment horizontal="center" vertical="center"/>
    </xf>
    <xf numFmtId="0" fontId="5" fillId="0" borderId="1" xfId="3" applyFont="1" applyBorder="1" applyAlignment="1">
      <alignment horizontal="center" vertical="center"/>
    </xf>
    <xf numFmtId="0" fontId="5" fillId="0" borderId="2" xfId="3" applyFont="1" applyBorder="1" applyAlignment="1">
      <alignment horizontal="center" vertical="center"/>
    </xf>
    <xf numFmtId="0" fontId="5" fillId="0" borderId="3" xfId="3" applyFont="1" applyBorder="1" applyAlignment="1">
      <alignment horizontal="center" vertical="center"/>
    </xf>
    <xf numFmtId="0" fontId="5" fillId="0" borderId="4" xfId="3" applyFont="1" applyBorder="1" applyAlignment="1">
      <alignment horizontal="center" vertical="center"/>
    </xf>
    <xf numFmtId="0" fontId="5" fillId="0" borderId="5" xfId="3" applyFont="1" applyBorder="1" applyAlignment="1">
      <alignment horizontal="center" vertical="center"/>
    </xf>
    <xf numFmtId="0" fontId="5" fillId="0" borderId="6" xfId="3" applyFont="1" applyBorder="1" applyAlignment="1">
      <alignment horizontal="center" vertical="center"/>
    </xf>
    <xf numFmtId="0" fontId="5" fillId="0" borderId="1" xfId="3" applyFont="1" applyBorder="1" applyAlignment="1">
      <alignment vertical="center"/>
    </xf>
    <xf numFmtId="0" fontId="5" fillId="0" borderId="2" xfId="3" applyFont="1" applyBorder="1" applyAlignment="1"/>
    <xf numFmtId="0" fontId="5" fillId="0" borderId="3" xfId="3" applyFont="1" applyBorder="1" applyAlignment="1"/>
    <xf numFmtId="0" fontId="5" fillId="0" borderId="4" xfId="3" applyFont="1" applyBorder="1" applyAlignment="1"/>
    <xf numFmtId="0" fontId="5" fillId="0" borderId="5" xfId="3" applyFont="1" applyBorder="1" applyAlignment="1"/>
    <xf numFmtId="0" fontId="5" fillId="0" borderId="6" xfId="3" applyFont="1" applyBorder="1" applyAlignment="1"/>
    <xf numFmtId="0" fontId="5" fillId="0" borderId="48" xfId="3" applyFont="1" applyBorder="1" applyAlignment="1">
      <alignment horizontal="center" vertical="center"/>
    </xf>
    <xf numFmtId="0" fontId="5" fillId="0" borderId="155" xfId="3" applyFont="1" applyBorder="1" applyAlignment="1">
      <alignment horizontal="center" vertical="center"/>
    </xf>
    <xf numFmtId="0" fontId="5" fillId="0" borderId="49" xfId="3" applyFont="1" applyBorder="1" applyAlignment="1">
      <alignment horizontal="center" vertical="center"/>
    </xf>
    <xf numFmtId="0" fontId="5" fillId="0" borderId="156" xfId="3" applyFont="1" applyBorder="1" applyAlignment="1">
      <alignment horizontal="center" vertical="center"/>
    </xf>
    <xf numFmtId="0" fontId="5" fillId="0" borderId="156" xfId="3" applyFont="1" applyBorder="1" applyAlignment="1">
      <alignment vertical="center"/>
    </xf>
    <xf numFmtId="0" fontId="5" fillId="0" borderId="59" xfId="3" applyFont="1" applyBorder="1" applyAlignment="1">
      <alignment horizontal="center" vertical="center"/>
    </xf>
    <xf numFmtId="0" fontId="5" fillId="0" borderId="157" xfId="3" applyFont="1" applyBorder="1" applyAlignment="1">
      <alignment vertical="center"/>
    </xf>
    <xf numFmtId="3" fontId="5" fillId="0" borderId="1" xfId="3" applyNumberFormat="1" applyFont="1" applyBorder="1" applyAlignment="1">
      <alignment horizontal="right" vertical="center"/>
    </xf>
    <xf numFmtId="3" fontId="5" fillId="0" borderId="2" xfId="3" applyNumberFormat="1" applyFont="1" applyBorder="1" applyAlignment="1">
      <alignment horizontal="right" vertical="center"/>
    </xf>
    <xf numFmtId="3" fontId="5" fillId="0" borderId="4" xfId="3" applyNumberFormat="1" applyFont="1" applyBorder="1" applyAlignment="1">
      <alignment horizontal="right" vertical="center"/>
    </xf>
    <xf numFmtId="3" fontId="5" fillId="0" borderId="5" xfId="3" applyNumberFormat="1" applyFont="1" applyBorder="1" applyAlignment="1">
      <alignment horizontal="right" vertical="center"/>
    </xf>
    <xf numFmtId="0" fontId="5" fillId="0" borderId="8" xfId="3" applyFont="1" applyBorder="1" applyAlignment="1">
      <alignment horizontal="center" vertical="center"/>
    </xf>
    <xf numFmtId="0" fontId="5" fillId="0" borderId="7" xfId="3" applyFont="1" applyBorder="1" applyAlignment="1">
      <alignment horizontal="center" vertical="center"/>
    </xf>
    <xf numFmtId="3" fontId="5" fillId="0" borderId="1" xfId="3" applyNumberFormat="1" applyFont="1" applyBorder="1" applyAlignment="1">
      <alignment horizontal="left" vertical="top" wrapText="1"/>
    </xf>
    <xf numFmtId="3" fontId="5" fillId="0" borderId="2" xfId="3" applyNumberFormat="1" applyFont="1" applyBorder="1" applyAlignment="1">
      <alignment horizontal="left" vertical="top" wrapText="1"/>
    </xf>
    <xf numFmtId="3" fontId="5" fillId="0" borderId="3" xfId="3" applyNumberFormat="1" applyFont="1" applyBorder="1" applyAlignment="1">
      <alignment horizontal="left" vertical="top" wrapText="1"/>
    </xf>
    <xf numFmtId="3" fontId="5" fillId="0" borderId="8" xfId="3" applyNumberFormat="1" applyFont="1" applyBorder="1" applyAlignment="1">
      <alignment horizontal="left" vertical="top" wrapText="1"/>
    </xf>
    <xf numFmtId="3" fontId="5" fillId="0" borderId="0" xfId="3" applyNumberFormat="1" applyFont="1" applyBorder="1" applyAlignment="1">
      <alignment horizontal="left" vertical="top" wrapText="1"/>
    </xf>
    <xf numFmtId="3" fontId="5" fillId="0" borderId="7" xfId="3" applyNumberFormat="1" applyFont="1" applyBorder="1" applyAlignment="1">
      <alignment horizontal="left" vertical="top" wrapText="1"/>
    </xf>
    <xf numFmtId="3" fontId="5" fillId="0" borderId="4" xfId="3" applyNumberFormat="1" applyFont="1" applyBorder="1" applyAlignment="1">
      <alignment horizontal="left" vertical="top" wrapText="1"/>
    </xf>
    <xf numFmtId="3" fontId="5" fillId="0" borderId="5" xfId="3" applyNumberFormat="1" applyFont="1" applyBorder="1" applyAlignment="1">
      <alignment horizontal="left" vertical="top" wrapText="1"/>
    </xf>
    <xf numFmtId="3" fontId="5" fillId="0" borderId="6" xfId="3" applyNumberFormat="1" applyFont="1" applyBorder="1" applyAlignment="1">
      <alignment horizontal="left" vertical="top" wrapText="1"/>
    </xf>
    <xf numFmtId="0" fontId="5" fillId="0" borderId="105" xfId="3" applyFont="1" applyBorder="1" applyAlignment="1">
      <alignment horizontal="center" vertical="center"/>
    </xf>
    <xf numFmtId="0" fontId="5" fillId="0" borderId="112" xfId="3" applyFont="1" applyBorder="1" applyAlignment="1">
      <alignment horizontal="center" vertical="center"/>
    </xf>
    <xf numFmtId="0" fontId="5" fillId="0" borderId="106" xfId="3" applyFont="1" applyBorder="1" applyAlignment="1">
      <alignment horizontal="center" vertical="center"/>
    </xf>
    <xf numFmtId="0" fontId="5" fillId="0" borderId="105" xfId="3" applyFont="1" applyBorder="1" applyAlignment="1">
      <alignment horizontal="left" vertical="top" wrapText="1"/>
    </xf>
    <xf numFmtId="0" fontId="5" fillId="0" borderId="112" xfId="3" applyFont="1" applyBorder="1" applyAlignment="1">
      <alignment horizontal="left" vertical="top" wrapText="1"/>
    </xf>
    <xf numFmtId="0" fontId="5" fillId="0" borderId="106" xfId="3" applyFont="1" applyBorder="1" applyAlignment="1">
      <alignment horizontal="left" vertical="top" wrapText="1"/>
    </xf>
    <xf numFmtId="3" fontId="5" fillId="0" borderId="8" xfId="3" applyNumberFormat="1" applyFont="1" applyBorder="1" applyAlignment="1">
      <alignment horizontal="right" vertical="center"/>
    </xf>
    <xf numFmtId="3" fontId="5" fillId="0" borderId="0" xfId="3" applyNumberFormat="1" applyFont="1" applyBorder="1" applyAlignment="1">
      <alignment horizontal="right" vertical="center"/>
    </xf>
    <xf numFmtId="0" fontId="5" fillId="0" borderId="1" xfId="3" applyFont="1" applyBorder="1" applyAlignment="1">
      <alignment horizontal="center" vertical="center" wrapText="1"/>
    </xf>
    <xf numFmtId="0" fontId="6" fillId="0" borderId="8" xfId="3" applyFont="1" applyBorder="1" applyAlignment="1">
      <alignment horizontal="center" vertical="center"/>
    </xf>
    <xf numFmtId="0" fontId="6" fillId="0" borderId="0" xfId="3" applyFont="1" applyBorder="1" applyAlignment="1">
      <alignment horizontal="center" vertical="center"/>
    </xf>
    <xf numFmtId="0" fontId="6" fillId="0" borderId="5" xfId="3" applyFont="1" applyBorder="1" applyAlignment="1">
      <alignment horizontal="center" vertical="center"/>
    </xf>
    <xf numFmtId="0" fontId="6" fillId="0" borderId="158" xfId="3" applyFont="1" applyBorder="1" applyAlignment="1">
      <alignment horizontal="left" vertical="center"/>
    </xf>
    <xf numFmtId="0" fontId="6" fillId="0" borderId="159" xfId="3" applyFont="1" applyBorder="1" applyAlignment="1">
      <alignment horizontal="left" vertical="center"/>
    </xf>
    <xf numFmtId="0" fontId="6" fillId="0" borderId="160" xfId="3" applyFont="1" applyBorder="1" applyAlignment="1">
      <alignment horizontal="left" vertical="center"/>
    </xf>
    <xf numFmtId="0" fontId="6" fillId="0" borderId="161" xfId="3" applyFont="1" applyBorder="1" applyAlignment="1">
      <alignment horizontal="left"/>
    </xf>
    <xf numFmtId="0" fontId="6" fillId="0" borderId="162" xfId="3" applyFont="1" applyBorder="1" applyAlignment="1">
      <alignment horizontal="left"/>
    </xf>
    <xf numFmtId="0" fontId="6" fillId="0" borderId="163" xfId="3" applyFont="1" applyBorder="1" applyAlignment="1">
      <alignment horizontal="left"/>
    </xf>
    <xf numFmtId="0" fontId="5" fillId="0" borderId="1" xfId="3" applyFont="1" applyBorder="1" applyAlignment="1">
      <alignment horizontal="left" vertical="center"/>
    </xf>
    <xf numFmtId="0" fontId="5" fillId="0" borderId="2" xfId="3" applyFont="1" applyBorder="1" applyAlignment="1">
      <alignment horizontal="left" vertical="center"/>
    </xf>
    <xf numFmtId="0" fontId="5" fillId="0" borderId="3" xfId="3" applyFont="1" applyBorder="1" applyAlignment="1">
      <alignment horizontal="left" vertical="center"/>
    </xf>
    <xf numFmtId="0" fontId="5" fillId="0" borderId="4" xfId="3" applyFont="1" applyBorder="1" applyAlignment="1">
      <alignment horizontal="left" vertical="center"/>
    </xf>
    <xf numFmtId="0" fontId="5" fillId="0" borderId="5" xfId="3" applyFont="1" applyBorder="1" applyAlignment="1">
      <alignment horizontal="left" vertical="center"/>
    </xf>
    <xf numFmtId="0" fontId="5" fillId="0" borderId="6" xfId="3" applyFont="1" applyBorder="1" applyAlignment="1">
      <alignment horizontal="left" vertical="center"/>
    </xf>
    <xf numFmtId="0" fontId="6" fillId="0" borderId="1" xfId="3" applyFont="1" applyBorder="1" applyAlignment="1">
      <alignment horizontal="left" vertical="center"/>
    </xf>
    <xf numFmtId="0" fontId="6" fillId="0" borderId="2" xfId="3" applyFont="1" applyBorder="1" applyAlignment="1">
      <alignment horizontal="left" vertical="center"/>
    </xf>
    <xf numFmtId="0" fontId="6" fillId="0" borderId="3" xfId="3" applyFont="1" applyBorder="1" applyAlignment="1">
      <alignment horizontal="left" vertical="center"/>
    </xf>
    <xf numFmtId="0" fontId="6" fillId="0" borderId="4" xfId="3" applyFont="1" applyBorder="1" applyAlignment="1">
      <alignment horizontal="left" vertical="center"/>
    </xf>
    <xf numFmtId="0" fontId="6" fillId="0" borderId="5" xfId="3" applyFont="1" applyBorder="1" applyAlignment="1">
      <alignment horizontal="left" vertical="center"/>
    </xf>
    <xf numFmtId="0" fontId="6" fillId="0" borderId="6" xfId="3" applyFont="1" applyBorder="1" applyAlignment="1">
      <alignment horizontal="left" vertical="center"/>
    </xf>
    <xf numFmtId="0" fontId="5" fillId="0" borderId="50" xfId="3" applyFont="1" applyBorder="1" applyAlignment="1">
      <alignment horizontal="center" vertical="center"/>
    </xf>
    <xf numFmtId="0" fontId="5" fillId="0" borderId="50" xfId="3" applyFont="1" applyBorder="1" applyAlignment="1">
      <alignment vertical="center"/>
    </xf>
    <xf numFmtId="0" fontId="5" fillId="0" borderId="51" xfId="3" applyFont="1" applyBorder="1" applyAlignment="1">
      <alignment horizontal="center" vertical="center"/>
    </xf>
    <xf numFmtId="0" fontId="5" fillId="0" borderId="51" xfId="3" applyFont="1" applyBorder="1" applyAlignment="1">
      <alignment vertical="center"/>
    </xf>
    <xf numFmtId="0" fontId="5" fillId="0" borderId="60" xfId="3" applyFont="1" applyBorder="1" applyAlignment="1">
      <alignment horizontal="center" vertical="center"/>
    </xf>
    <xf numFmtId="0" fontId="5" fillId="0" borderId="60" xfId="3" applyFont="1" applyBorder="1" applyAlignment="1">
      <alignment vertical="center"/>
    </xf>
    <xf numFmtId="0" fontId="6" fillId="0" borderId="1" xfId="3" applyFont="1" applyBorder="1" applyAlignment="1">
      <alignment horizontal="center" vertical="center"/>
    </xf>
    <xf numFmtId="0" fontId="6" fillId="0" borderId="2" xfId="3" applyFont="1" applyBorder="1" applyAlignment="1">
      <alignment horizontal="center" vertical="center"/>
    </xf>
    <xf numFmtId="0" fontId="5" fillId="0" borderId="0" xfId="3" applyFont="1" applyBorder="1" applyAlignment="1">
      <alignment horizontal="center"/>
    </xf>
    <xf numFmtId="49" fontId="5" fillId="0" borderId="0" xfId="3" applyNumberFormat="1" applyFont="1" applyBorder="1" applyAlignment="1">
      <alignment horizontal="center" vertical="center"/>
    </xf>
    <xf numFmtId="0" fontId="5" fillId="0" borderId="0" xfId="3" applyFont="1" applyBorder="1" applyAlignment="1">
      <alignment vertical="top" wrapText="1"/>
    </xf>
    <xf numFmtId="0" fontId="5" fillId="0" borderId="0" xfId="3" applyFont="1" applyBorder="1" applyAlignment="1"/>
    <xf numFmtId="0" fontId="5" fillId="0" borderId="0" xfId="3" applyFont="1" applyBorder="1" applyAlignment="1">
      <alignment horizontal="left" vertical="center"/>
    </xf>
    <xf numFmtId="0" fontId="6" fillId="0" borderId="1" xfId="3" applyFont="1" applyBorder="1" applyAlignment="1">
      <alignment horizontal="left" vertical="center" wrapText="1"/>
    </xf>
    <xf numFmtId="0" fontId="6" fillId="0" borderId="2" xfId="3" applyFont="1" applyBorder="1" applyAlignment="1">
      <alignment horizontal="left" vertical="center" wrapText="1"/>
    </xf>
    <xf numFmtId="0" fontId="6" fillId="0" borderId="3" xfId="3" applyFont="1" applyBorder="1" applyAlignment="1">
      <alignment horizontal="left" vertical="center" wrapText="1"/>
    </xf>
    <xf numFmtId="0" fontId="6" fillId="0" borderId="4" xfId="3" applyFont="1" applyBorder="1" applyAlignment="1">
      <alignment horizontal="left" vertical="center" wrapText="1"/>
    </xf>
    <xf numFmtId="0" fontId="6" fillId="0" borderId="5" xfId="3" applyFont="1" applyBorder="1" applyAlignment="1">
      <alignment horizontal="left" vertical="center" wrapText="1"/>
    </xf>
    <xf numFmtId="0" fontId="6" fillId="0" borderId="6" xfId="3" applyFont="1" applyBorder="1" applyAlignment="1">
      <alignment horizontal="left" vertical="center" wrapText="1"/>
    </xf>
    <xf numFmtId="0" fontId="6" fillId="0" borderId="4" xfId="3" applyFont="1" applyBorder="1" applyAlignment="1">
      <alignment horizontal="center" vertical="center"/>
    </xf>
  </cellXfs>
  <cellStyles count="4">
    <cellStyle name="標準" xfId="0" builtinId="0"/>
    <cellStyle name="標準_20080815別添様式２　自己負担額証明書（案）" xfId="1"/>
    <cellStyle name="標準_20080815別添様式２　自己負担額証明書（案）_別添様式例" xfId="2"/>
    <cellStyle name="標準_高額介護（居宅支援）サービス費支給（不支給）決定通知書"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drawing4.x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editAs="oneCell">
    <xdr:from>
      <xdr:col>1</xdr:col>
      <xdr:colOff>139700</xdr:colOff>
      <xdr:row>46</xdr:row>
      <xdr:rowOff>0</xdr:rowOff>
    </xdr:from>
    <xdr:to>
      <xdr:col>59</xdr:col>
      <xdr:colOff>76200</xdr:colOff>
      <xdr:row>48</xdr:row>
      <xdr:rowOff>100362</xdr:rowOff>
    </xdr:to>
    <xdr:sp macro="" textlink="">
      <xdr:nvSpPr>
        <xdr:cNvPr id="18433" name="Text Box 1"/>
        <xdr:cNvSpPr txBox="1">
          <a:spLocks noChangeArrowheads="1"/>
        </xdr:cNvSpPr>
      </xdr:nvSpPr>
      <xdr:spPr bwMode="auto">
        <a:xfrm>
          <a:off x="311150" y="13982700"/>
          <a:ext cx="10115550" cy="5143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1400" b="0" i="0" u="none" strike="noStrike" baseline="0">
              <a:solidFill>
                <a:srgbClr val="000000"/>
              </a:solidFill>
              <a:latin typeface="ＭＳ ゴシック"/>
              <a:ea typeface="ＭＳ ゴシック"/>
            </a:rPr>
            <a:t>※　自己負担額証明書の交付申請を行う場合、①・②のいずれも丸で囲んで</a:t>
          </a:r>
          <a:r>
            <a:rPr lang="ja-JP" altLang="en-US" sz="1400" b="0" i="0" u="none" strike="noStrike" baseline="0">
              <a:solidFill>
                <a:srgbClr val="FF0000"/>
              </a:solidFill>
              <a:latin typeface="ＭＳ ゴシック"/>
              <a:ea typeface="ＭＳ ゴシック"/>
            </a:rPr>
            <a:t>下さい</a:t>
          </a:r>
          <a:r>
            <a:rPr lang="ja-JP" altLang="en-US" sz="1400" b="0" i="0" u="none" strike="noStrike" baseline="0">
              <a:solidFill>
                <a:srgbClr val="000000"/>
              </a:solidFill>
              <a:latin typeface="ＭＳ ゴシック"/>
              <a:ea typeface="ＭＳ ゴシック"/>
            </a:rPr>
            <a:t>。</a:t>
          </a:r>
        </a:p>
        <a:p>
          <a:pPr algn="l" rtl="0">
            <a:defRPr sz="1000"/>
          </a:pPr>
          <a:r>
            <a:rPr lang="ja-JP" altLang="en-US" sz="1400" b="0" i="0" u="none" strike="noStrike" baseline="0">
              <a:solidFill>
                <a:srgbClr val="000000"/>
              </a:solidFill>
              <a:latin typeface="ＭＳ ゴシック"/>
              <a:ea typeface="ＭＳ ゴシック"/>
            </a:rPr>
            <a:t>　　高額介護合算療養費（高額医療合算介護（予防）サービス費）の支給申請を行う場合、①のみを丸で囲んで</a:t>
          </a:r>
          <a:r>
            <a:rPr lang="ja-JP" altLang="en-US" sz="1400" b="0" i="0" u="none" strike="noStrike" baseline="0">
              <a:solidFill>
                <a:srgbClr val="FF0000"/>
              </a:solidFill>
              <a:latin typeface="ＭＳ ゴシック"/>
              <a:ea typeface="ＭＳ ゴシック"/>
            </a:rPr>
            <a:t>下さい</a:t>
          </a:r>
          <a:r>
            <a:rPr lang="ja-JP" altLang="en-US" sz="1400" b="0" i="0" u="none" strike="noStrike" baseline="0">
              <a:solidFill>
                <a:srgbClr val="000000"/>
              </a:solidFill>
              <a:latin typeface="ＭＳ ゴシック"/>
              <a:ea typeface="ＭＳ ゴシック"/>
            </a:rPr>
            <a:t>。</a:t>
          </a:r>
        </a:p>
      </xdr:txBody>
    </xdr:sp>
    <xdr:clientData/>
  </xdr:twoCellAnchor>
  <xdr:twoCellAnchor>
    <xdr:from>
      <xdr:col>1</xdr:col>
      <xdr:colOff>228600</xdr:colOff>
      <xdr:row>0</xdr:row>
      <xdr:rowOff>63500</xdr:rowOff>
    </xdr:from>
    <xdr:to>
      <xdr:col>7</xdr:col>
      <xdr:colOff>69850</xdr:colOff>
      <xdr:row>0</xdr:row>
      <xdr:rowOff>336550</xdr:rowOff>
    </xdr:to>
    <xdr:sp macro="" textlink="">
      <xdr:nvSpPr>
        <xdr:cNvPr id="18434" name="Text Box 2"/>
        <xdr:cNvSpPr txBox="1">
          <a:spLocks noChangeArrowheads="1"/>
        </xdr:cNvSpPr>
      </xdr:nvSpPr>
      <xdr:spPr bwMode="auto">
        <a:xfrm>
          <a:off x="400050" y="63500"/>
          <a:ext cx="1428750" cy="2730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45720" tIns="27432" rIns="0" bIns="27432" anchor="ctr" upright="1"/>
        <a:lstStyle/>
        <a:p>
          <a:pPr algn="l" rtl="0">
            <a:defRPr sz="1000"/>
          </a:pPr>
          <a:r>
            <a:rPr lang="ja-JP" altLang="en-US" sz="1400" b="0" i="0" u="none" strike="noStrike" baseline="0">
              <a:solidFill>
                <a:srgbClr val="000000"/>
              </a:solidFill>
              <a:latin typeface="ＭＳ Ｐゴシック"/>
              <a:ea typeface="ＭＳ Ｐゴシック"/>
            </a:rPr>
            <a:t>（別添様式１）</a:t>
          </a: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201930</xdr:colOff>
      <xdr:row>54</xdr:row>
      <xdr:rowOff>114300</xdr:rowOff>
    </xdr:from>
    <xdr:to>
      <xdr:col>49</xdr:col>
      <xdr:colOff>25404</xdr:colOff>
      <xdr:row>57</xdr:row>
      <xdr:rowOff>177800</xdr:rowOff>
    </xdr:to>
    <xdr:sp macro="" textlink="">
      <xdr:nvSpPr>
        <xdr:cNvPr id="20481" name="Text Box 1"/>
        <xdr:cNvSpPr txBox="1">
          <a:spLocks noChangeArrowheads="1"/>
        </xdr:cNvSpPr>
      </xdr:nvSpPr>
      <xdr:spPr bwMode="auto">
        <a:xfrm>
          <a:off x="381000" y="14801850"/>
          <a:ext cx="11093450" cy="90170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2860" rIns="0" bIns="22860" anchor="ctr" upright="1"/>
        <a:lstStyle/>
        <a:p>
          <a:pPr algn="l" rtl="0">
            <a:lnSpc>
              <a:spcPts val="2000"/>
            </a:lnSpc>
            <a:defRPr sz="1000"/>
          </a:pPr>
          <a:r>
            <a:rPr lang="ja-JP" altLang="en-US" sz="1800" b="0" i="0" u="none" strike="noStrike" baseline="0">
              <a:solidFill>
                <a:srgbClr val="000000"/>
              </a:solidFill>
              <a:latin typeface="ＭＳ ゴシック"/>
              <a:ea typeface="ＭＳ ゴシック"/>
            </a:rPr>
            <a:t>※　自己負担額証明書の交付申請を行う場合、①・②のいずれも丸で囲んで</a:t>
          </a:r>
          <a:r>
            <a:rPr lang="ja-JP" altLang="en-US" sz="1800" b="0" i="0" u="none" strike="noStrike" baseline="0">
              <a:solidFill>
                <a:srgbClr val="FF0000"/>
              </a:solidFill>
              <a:latin typeface="ＭＳ ゴシック"/>
              <a:ea typeface="ＭＳ ゴシック"/>
            </a:rPr>
            <a:t>下さい</a:t>
          </a:r>
          <a:r>
            <a:rPr lang="ja-JP" altLang="en-US" sz="1800" b="0" i="0" u="none" strike="noStrike" baseline="0">
              <a:solidFill>
                <a:srgbClr val="000000"/>
              </a:solidFill>
              <a:latin typeface="ＭＳ ゴシック"/>
              <a:ea typeface="ＭＳ ゴシック"/>
            </a:rPr>
            <a:t>。</a:t>
          </a:r>
        </a:p>
        <a:p>
          <a:pPr algn="l" rtl="0">
            <a:lnSpc>
              <a:spcPts val="1900"/>
            </a:lnSpc>
            <a:defRPr sz="1000"/>
          </a:pPr>
          <a:r>
            <a:rPr lang="ja-JP" altLang="en-US" sz="1800" b="0" i="0" u="none" strike="noStrike" baseline="0">
              <a:solidFill>
                <a:srgbClr val="000000"/>
              </a:solidFill>
              <a:latin typeface="ＭＳ ゴシック"/>
              <a:ea typeface="ＭＳ ゴシック"/>
            </a:rPr>
            <a:t>　　高額介護合算療養費（高額医療合算介護（予防）サービス費）の支給申請を行う場合、①のみを丸で囲んで</a:t>
          </a:r>
          <a:r>
            <a:rPr lang="ja-JP" altLang="en-US" sz="1800" b="0" i="0" u="none" strike="noStrike" baseline="0">
              <a:solidFill>
                <a:srgbClr val="FF0000"/>
              </a:solidFill>
              <a:latin typeface="ＭＳ ゴシック"/>
              <a:ea typeface="ＭＳ ゴシック"/>
            </a:rPr>
            <a:t>下さい</a:t>
          </a:r>
          <a:r>
            <a:rPr lang="ja-JP" altLang="en-US" sz="1800" b="0" i="0" u="none" strike="noStrike" baseline="0">
              <a:solidFill>
                <a:srgbClr val="000000"/>
              </a:solidFill>
              <a:latin typeface="ＭＳ ゴシック"/>
              <a:ea typeface="ＭＳ ゴシック"/>
            </a:rPr>
            <a:t>。</a:t>
          </a:r>
        </a:p>
      </xdr:txBody>
    </xdr:sp>
    <xdr:clientData/>
  </xdr:twoCellAnchor>
  <xdr:twoCellAnchor>
    <xdr:from>
      <xdr:col>1</xdr:col>
      <xdr:colOff>220980</xdr:colOff>
      <xdr:row>0</xdr:row>
      <xdr:rowOff>63500</xdr:rowOff>
    </xdr:from>
    <xdr:to>
      <xdr:col>8</xdr:col>
      <xdr:colOff>220980</xdr:colOff>
      <xdr:row>1</xdr:row>
      <xdr:rowOff>11538</xdr:rowOff>
    </xdr:to>
    <xdr:sp macro="" textlink="">
      <xdr:nvSpPr>
        <xdr:cNvPr id="20482" name="Text Box 2"/>
        <xdr:cNvSpPr txBox="1">
          <a:spLocks noChangeArrowheads="1"/>
        </xdr:cNvSpPr>
      </xdr:nvSpPr>
      <xdr:spPr bwMode="auto">
        <a:xfrm>
          <a:off x="400050" y="63500"/>
          <a:ext cx="1644650" cy="4381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54864" tIns="32004" rIns="0" bIns="32004" anchor="ctr" upright="1"/>
        <a:lstStyle/>
        <a:p>
          <a:pPr algn="l" rtl="0">
            <a:defRPr sz="1000"/>
          </a:pPr>
          <a:r>
            <a:rPr lang="ja-JP" altLang="en-US" sz="1800" b="0" i="0" u="none" strike="noStrike" baseline="0">
              <a:solidFill>
                <a:srgbClr val="000000"/>
              </a:solidFill>
              <a:latin typeface="ＭＳ Ｐゴシック"/>
              <a:ea typeface="ＭＳ Ｐゴシック"/>
            </a:rPr>
            <a:t>（別添様式１）</a:t>
          </a:r>
        </a:p>
      </xdr:txBody>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94310</xdr:colOff>
      <xdr:row>40</xdr:row>
      <xdr:rowOff>247650</xdr:rowOff>
    </xdr:from>
    <xdr:to>
      <xdr:col>43</xdr:col>
      <xdr:colOff>189228</xdr:colOff>
      <xdr:row>43</xdr:row>
      <xdr:rowOff>114300</xdr:rowOff>
    </xdr:to>
    <xdr:sp macro="" textlink="">
      <xdr:nvSpPr>
        <xdr:cNvPr id="22529" name="Text Box 1"/>
        <xdr:cNvSpPr txBox="1">
          <a:spLocks noChangeArrowheads="1"/>
        </xdr:cNvSpPr>
      </xdr:nvSpPr>
      <xdr:spPr bwMode="auto">
        <a:xfrm>
          <a:off x="374650" y="15233650"/>
          <a:ext cx="8731250" cy="7429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18288" anchor="ctr" upright="1"/>
        <a:lstStyle/>
        <a:p>
          <a:pPr algn="l" rtl="0">
            <a:lnSpc>
              <a:spcPts val="1800"/>
            </a:lnSpc>
            <a:defRPr sz="1000"/>
          </a:pPr>
          <a:r>
            <a:rPr lang="ja-JP" altLang="en-US" sz="1600" b="0" i="0" u="none" strike="noStrike" baseline="0">
              <a:solidFill>
                <a:srgbClr val="000000"/>
              </a:solidFill>
              <a:latin typeface="ＭＳ ゴシック"/>
              <a:ea typeface="ＭＳ ゴシック"/>
            </a:rPr>
            <a:t>※自己負担額証明書の交付申請を行う場合、①・②のいずれも丸で囲んで下さい。</a:t>
          </a:r>
        </a:p>
        <a:p>
          <a:pPr algn="l" rtl="0">
            <a:lnSpc>
              <a:spcPts val="1700"/>
            </a:lnSpc>
            <a:defRPr sz="1000"/>
          </a:pPr>
          <a:r>
            <a:rPr lang="ja-JP" altLang="en-US" sz="1600" b="0" i="0" u="none" strike="noStrike" baseline="0">
              <a:solidFill>
                <a:srgbClr val="000000"/>
              </a:solidFill>
              <a:latin typeface="ＭＳ ゴシック"/>
              <a:ea typeface="ＭＳ ゴシック"/>
            </a:rPr>
            <a:t>　高額介護合算療養費の支給申請のみを行う場合、①のみを丸で囲んで下さい。</a:t>
          </a:r>
        </a:p>
      </xdr:txBody>
    </xdr:sp>
    <xdr:clientData/>
  </xdr:twoCellAnchor>
  <xdr:twoCellAnchor>
    <xdr:from>
      <xdr:col>50</xdr:col>
      <xdr:colOff>97790</xdr:colOff>
      <xdr:row>10</xdr:row>
      <xdr:rowOff>300990</xdr:rowOff>
    </xdr:from>
    <xdr:to>
      <xdr:col>52</xdr:col>
      <xdr:colOff>121920</xdr:colOff>
      <xdr:row>12</xdr:row>
      <xdr:rowOff>0</xdr:rowOff>
    </xdr:to>
    <xdr:sp macro="" textlink="">
      <xdr:nvSpPr>
        <xdr:cNvPr id="22531" name="Text Box 3"/>
        <xdr:cNvSpPr txBox="1">
          <a:spLocks noChangeArrowheads="1"/>
        </xdr:cNvSpPr>
      </xdr:nvSpPr>
      <xdr:spPr bwMode="auto">
        <a:xfrm>
          <a:off x="10003790" y="3775710"/>
          <a:ext cx="420370" cy="4000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18288" rIns="27432" bIns="18288" anchor="ctr" upright="1"/>
        <a:lstStyle/>
        <a:p>
          <a:pPr algn="r" rtl="0">
            <a:defRPr sz="1000"/>
          </a:pPr>
          <a:r>
            <a:rPr lang="ja-JP" altLang="en-US" sz="1400" b="0" i="0" u="none" strike="noStrike" baseline="0">
              <a:solidFill>
                <a:srgbClr val="000000"/>
              </a:solidFill>
              <a:latin typeface="ＭＳ Ｐゴシック"/>
              <a:ea typeface="ＭＳ Ｐゴシック"/>
            </a:rPr>
            <a:t>※１</a:t>
          </a:r>
        </a:p>
      </xdr:txBody>
    </xdr:sp>
    <xdr:clientData/>
  </xdr:twoCellAnchor>
  <xdr:twoCellAnchor>
    <xdr:from>
      <xdr:col>74</xdr:col>
      <xdr:colOff>189230</xdr:colOff>
      <xdr:row>12</xdr:row>
      <xdr:rowOff>419100</xdr:rowOff>
    </xdr:from>
    <xdr:to>
      <xdr:col>76</xdr:col>
      <xdr:colOff>189230</xdr:colOff>
      <xdr:row>13</xdr:row>
      <xdr:rowOff>19050</xdr:rowOff>
    </xdr:to>
    <xdr:sp macro="" textlink="">
      <xdr:nvSpPr>
        <xdr:cNvPr id="22532" name="Text Box 4"/>
        <xdr:cNvSpPr txBox="1">
          <a:spLocks noChangeArrowheads="1"/>
        </xdr:cNvSpPr>
      </xdr:nvSpPr>
      <xdr:spPr bwMode="auto">
        <a:xfrm>
          <a:off x="15405100" y="4584700"/>
          <a:ext cx="406400" cy="2921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18288" rIns="27432" bIns="18288" anchor="ctr" upright="1"/>
        <a:lstStyle/>
        <a:p>
          <a:pPr algn="r" rtl="0">
            <a:defRPr sz="1000"/>
          </a:pPr>
          <a:r>
            <a:rPr lang="ja-JP" altLang="en-US" sz="1400" b="0" i="0" u="none" strike="noStrike" baseline="0">
              <a:solidFill>
                <a:srgbClr val="000000"/>
              </a:solidFill>
              <a:latin typeface="ＭＳ Ｐゴシック"/>
              <a:ea typeface="ＭＳ Ｐゴシック"/>
            </a:rPr>
            <a:t>※２</a:t>
          </a:r>
        </a:p>
      </xdr:txBody>
    </xdr:sp>
    <xdr:clientData/>
  </xdr:twoCellAnchor>
  <xdr:twoCellAnchor>
    <xdr:from>
      <xdr:col>50</xdr:col>
      <xdr:colOff>177800</xdr:colOff>
      <xdr:row>22</xdr:row>
      <xdr:rowOff>342900</xdr:rowOff>
    </xdr:from>
    <xdr:to>
      <xdr:col>52</xdr:col>
      <xdr:colOff>177800</xdr:colOff>
      <xdr:row>22</xdr:row>
      <xdr:rowOff>641350</xdr:rowOff>
    </xdr:to>
    <xdr:sp macro="" textlink="">
      <xdr:nvSpPr>
        <xdr:cNvPr id="22533" name="Text Box 5"/>
        <xdr:cNvSpPr txBox="1">
          <a:spLocks noChangeArrowheads="1"/>
        </xdr:cNvSpPr>
      </xdr:nvSpPr>
      <xdr:spPr bwMode="auto">
        <a:xfrm>
          <a:off x="10509250" y="8464550"/>
          <a:ext cx="406400" cy="2984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18288" rIns="27432" bIns="18288" anchor="ctr" upright="1"/>
        <a:lstStyle/>
        <a:p>
          <a:pPr algn="r" rtl="0">
            <a:defRPr sz="1000"/>
          </a:pPr>
          <a:r>
            <a:rPr lang="ja-JP" altLang="en-US" sz="1400" b="0" i="0" u="none" strike="noStrike" baseline="0">
              <a:solidFill>
                <a:srgbClr val="000000"/>
              </a:solidFill>
              <a:latin typeface="ＭＳ Ｐゴシック"/>
              <a:ea typeface="ＭＳ Ｐゴシック"/>
            </a:rPr>
            <a:t>※３</a:t>
          </a:r>
        </a:p>
      </xdr:txBody>
    </xdr:sp>
    <xdr:clientData/>
  </xdr:twoCellAnchor>
  <xdr:twoCellAnchor>
    <xdr:from>
      <xdr:col>50</xdr:col>
      <xdr:colOff>177800</xdr:colOff>
      <xdr:row>30</xdr:row>
      <xdr:rowOff>342900</xdr:rowOff>
    </xdr:from>
    <xdr:to>
      <xdr:col>52</xdr:col>
      <xdr:colOff>177800</xdr:colOff>
      <xdr:row>30</xdr:row>
      <xdr:rowOff>641350</xdr:rowOff>
    </xdr:to>
    <xdr:sp macro="" textlink="">
      <xdr:nvSpPr>
        <xdr:cNvPr id="22534" name="Text Box 6"/>
        <xdr:cNvSpPr txBox="1">
          <a:spLocks noChangeArrowheads="1"/>
        </xdr:cNvSpPr>
      </xdr:nvSpPr>
      <xdr:spPr bwMode="auto">
        <a:xfrm>
          <a:off x="10509250" y="10972800"/>
          <a:ext cx="406400" cy="2984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18288" rIns="27432" bIns="18288" anchor="ctr" upright="1"/>
        <a:lstStyle/>
        <a:p>
          <a:pPr algn="r" rtl="0">
            <a:defRPr sz="1000"/>
          </a:pPr>
          <a:r>
            <a:rPr lang="ja-JP" altLang="en-US" sz="1400" b="0" i="0" u="none" strike="noStrike" baseline="0">
              <a:solidFill>
                <a:srgbClr val="000000"/>
              </a:solidFill>
              <a:latin typeface="ＭＳ Ｐゴシック"/>
              <a:ea typeface="ＭＳ Ｐゴシック"/>
            </a:rPr>
            <a:t>※３</a:t>
          </a:r>
        </a:p>
      </xdr:txBody>
    </xdr:sp>
    <xdr:clientData/>
  </xdr:twoCellAnchor>
  <xdr:twoCellAnchor>
    <xdr:from>
      <xdr:col>5</xdr:col>
      <xdr:colOff>151130</xdr:colOff>
      <xdr:row>13</xdr:row>
      <xdr:rowOff>87630</xdr:rowOff>
    </xdr:from>
    <xdr:to>
      <xdr:col>7</xdr:col>
      <xdr:colOff>151130</xdr:colOff>
      <xdr:row>13</xdr:row>
      <xdr:rowOff>393733</xdr:rowOff>
    </xdr:to>
    <xdr:sp macro="" textlink="">
      <xdr:nvSpPr>
        <xdr:cNvPr id="22536" name="Text Box 8"/>
        <xdr:cNvSpPr txBox="1">
          <a:spLocks noChangeArrowheads="1"/>
        </xdr:cNvSpPr>
      </xdr:nvSpPr>
      <xdr:spPr bwMode="auto">
        <a:xfrm>
          <a:off x="1346200" y="4953000"/>
          <a:ext cx="406400" cy="2984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18288" rIns="27432" bIns="18288" anchor="ctr" upright="1"/>
        <a:lstStyle/>
        <a:p>
          <a:pPr algn="r" rtl="0">
            <a:lnSpc>
              <a:spcPts val="1600"/>
            </a:lnSpc>
            <a:defRPr sz="1000"/>
          </a:pPr>
          <a:r>
            <a:rPr lang="ja-JP" altLang="en-US" sz="1400" b="0" i="0" u="none" strike="noStrike" baseline="0">
              <a:solidFill>
                <a:srgbClr val="000000"/>
              </a:solidFill>
              <a:latin typeface="ＭＳ Ｐゴシック"/>
              <a:ea typeface="ＭＳ Ｐゴシック"/>
            </a:rPr>
            <a:t>※４</a:t>
          </a:r>
        </a:p>
        <a:p>
          <a:pPr algn="r" rtl="0">
            <a:lnSpc>
              <a:spcPts val="1500"/>
            </a:lnSpc>
            <a:defRPr sz="1000"/>
          </a:pPr>
          <a:endParaRPr lang="ja-JP" altLang="en-US" sz="1400" b="0" i="0" u="none" strike="noStrike" baseline="0">
            <a:solidFill>
              <a:srgbClr val="000000"/>
            </a:solidFill>
            <a:latin typeface="ＭＳ Ｐゴシック"/>
            <a:ea typeface="ＭＳ Ｐゴシック"/>
          </a:endParaRPr>
        </a:p>
      </xdr:txBody>
    </xdr:sp>
    <xdr:clientData/>
  </xdr:twoCellAnchor>
  <xdr:twoCellAnchor editAs="oneCell">
    <xdr:from>
      <xdr:col>0</xdr:col>
      <xdr:colOff>76199</xdr:colOff>
      <xdr:row>0</xdr:row>
      <xdr:rowOff>106680</xdr:rowOff>
    </xdr:from>
    <xdr:to>
      <xdr:col>14</xdr:col>
      <xdr:colOff>88582</xdr:colOff>
      <xdr:row>1</xdr:row>
      <xdr:rowOff>76200</xdr:rowOff>
    </xdr:to>
    <xdr:pic>
      <xdr:nvPicPr>
        <xdr:cNvPr id="9" name="図 8"/>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6199" y="106680"/>
          <a:ext cx="2786063" cy="457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1</xdr:col>
      <xdr:colOff>194310</xdr:colOff>
      <xdr:row>31</xdr:row>
      <xdr:rowOff>247650</xdr:rowOff>
    </xdr:from>
    <xdr:to>
      <xdr:col>44</xdr:col>
      <xdr:colOff>189228</xdr:colOff>
      <xdr:row>34</xdr:row>
      <xdr:rowOff>114300</xdr:rowOff>
    </xdr:to>
    <xdr:sp macro="" textlink="">
      <xdr:nvSpPr>
        <xdr:cNvPr id="27649" name="Text Box 1"/>
        <xdr:cNvSpPr txBox="1">
          <a:spLocks noChangeArrowheads="1"/>
        </xdr:cNvSpPr>
      </xdr:nvSpPr>
      <xdr:spPr bwMode="auto">
        <a:xfrm>
          <a:off x="374650" y="15233650"/>
          <a:ext cx="8731250" cy="7429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45720" tIns="32004" rIns="0" bIns="32004" anchor="ctr" upright="1"/>
        <a:lstStyle/>
        <a:p>
          <a:pPr algn="l" rtl="0">
            <a:lnSpc>
              <a:spcPts val="1700"/>
            </a:lnSpc>
            <a:defRPr sz="1000"/>
          </a:pPr>
          <a:r>
            <a:rPr lang="ja-JP" altLang="en-US" sz="1600" b="0" i="0" u="none" strike="noStrike" baseline="0">
              <a:solidFill>
                <a:srgbClr val="000000"/>
              </a:solidFill>
              <a:latin typeface="ＭＳ ゴシック"/>
              <a:ea typeface="ＭＳ ゴシック"/>
            </a:rPr>
            <a:t>※自己負担額証明書の交付申請を行う場合、①・②のいずれも丸で囲んで下さい。</a:t>
          </a:r>
        </a:p>
        <a:p>
          <a:pPr algn="l" rtl="0">
            <a:lnSpc>
              <a:spcPts val="1600"/>
            </a:lnSpc>
            <a:defRPr sz="1000"/>
          </a:pPr>
          <a:r>
            <a:rPr lang="ja-JP" altLang="en-US" sz="1600" b="0" i="0" u="none" strike="noStrike" baseline="0">
              <a:solidFill>
                <a:srgbClr val="000000"/>
              </a:solidFill>
              <a:latin typeface="ＭＳ ゴシック"/>
              <a:ea typeface="ＭＳ ゴシック"/>
            </a:rPr>
            <a:t>　高額介護合算療養費の支給申請のみを行う場合、①のみを丸で囲んで下さい。</a:t>
          </a:r>
        </a:p>
      </xdr:txBody>
    </xdr:sp>
    <xdr:clientData/>
  </xdr:twoCellAnchor>
  <xdr:twoCellAnchor>
    <xdr:from>
      <xdr:col>51</xdr:col>
      <xdr:colOff>189230</xdr:colOff>
      <xdr:row>8</xdr:row>
      <xdr:rowOff>316230</xdr:rowOff>
    </xdr:from>
    <xdr:to>
      <xdr:col>53</xdr:col>
      <xdr:colOff>189230</xdr:colOff>
      <xdr:row>8</xdr:row>
      <xdr:rowOff>622333</xdr:rowOff>
    </xdr:to>
    <xdr:sp macro="" textlink="">
      <xdr:nvSpPr>
        <xdr:cNvPr id="27650" name="Text Box 2"/>
        <xdr:cNvSpPr txBox="1">
          <a:spLocks noChangeArrowheads="1"/>
        </xdr:cNvSpPr>
      </xdr:nvSpPr>
      <xdr:spPr bwMode="auto">
        <a:xfrm>
          <a:off x="10528300" y="3797300"/>
          <a:ext cx="406400" cy="2984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27432" rIns="45720" bIns="27432" anchor="ctr" upright="1"/>
        <a:lstStyle/>
        <a:p>
          <a:pPr algn="r" rtl="0">
            <a:defRPr sz="1000"/>
          </a:pPr>
          <a:r>
            <a:rPr lang="ja-JP" altLang="en-US" sz="1400" b="0" i="0" u="none" strike="noStrike" baseline="0">
              <a:solidFill>
                <a:srgbClr val="000000"/>
              </a:solidFill>
              <a:latin typeface="ＭＳ Ｐゴシック"/>
              <a:ea typeface="ＭＳ Ｐゴシック"/>
            </a:rPr>
            <a:t>※１</a:t>
          </a:r>
        </a:p>
      </xdr:txBody>
    </xdr:sp>
    <xdr:clientData/>
  </xdr:twoCellAnchor>
  <xdr:twoCellAnchor>
    <xdr:from>
      <xdr:col>75</xdr:col>
      <xdr:colOff>189230</xdr:colOff>
      <xdr:row>9</xdr:row>
      <xdr:rowOff>419100</xdr:rowOff>
    </xdr:from>
    <xdr:to>
      <xdr:col>77</xdr:col>
      <xdr:colOff>189230</xdr:colOff>
      <xdr:row>10</xdr:row>
      <xdr:rowOff>19050</xdr:rowOff>
    </xdr:to>
    <xdr:sp macro="" textlink="">
      <xdr:nvSpPr>
        <xdr:cNvPr id="27651" name="Text Box 3"/>
        <xdr:cNvSpPr txBox="1">
          <a:spLocks noChangeArrowheads="1"/>
        </xdr:cNvSpPr>
      </xdr:nvSpPr>
      <xdr:spPr bwMode="auto">
        <a:xfrm>
          <a:off x="15405100" y="4584700"/>
          <a:ext cx="406400" cy="2921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27432" rIns="45720" bIns="27432" anchor="ctr" upright="1"/>
        <a:lstStyle/>
        <a:p>
          <a:pPr algn="r" rtl="0">
            <a:defRPr sz="1000"/>
          </a:pPr>
          <a:r>
            <a:rPr lang="ja-JP" altLang="en-US" sz="1400" b="0" i="0" u="none" strike="noStrike" baseline="0">
              <a:solidFill>
                <a:srgbClr val="000000"/>
              </a:solidFill>
              <a:latin typeface="ＭＳ Ｐゴシック"/>
              <a:ea typeface="ＭＳ Ｐゴシック"/>
            </a:rPr>
            <a:t>※２</a:t>
          </a:r>
        </a:p>
      </xdr:txBody>
    </xdr:sp>
    <xdr:clientData/>
  </xdr:twoCellAnchor>
  <xdr:twoCellAnchor>
    <xdr:from>
      <xdr:col>51</xdr:col>
      <xdr:colOff>177800</xdr:colOff>
      <xdr:row>16</xdr:row>
      <xdr:rowOff>342900</xdr:rowOff>
    </xdr:from>
    <xdr:to>
      <xdr:col>53</xdr:col>
      <xdr:colOff>177800</xdr:colOff>
      <xdr:row>16</xdr:row>
      <xdr:rowOff>641350</xdr:rowOff>
    </xdr:to>
    <xdr:sp macro="" textlink="">
      <xdr:nvSpPr>
        <xdr:cNvPr id="27652" name="Text Box 4"/>
        <xdr:cNvSpPr txBox="1">
          <a:spLocks noChangeArrowheads="1"/>
        </xdr:cNvSpPr>
      </xdr:nvSpPr>
      <xdr:spPr bwMode="auto">
        <a:xfrm>
          <a:off x="10509250" y="8464550"/>
          <a:ext cx="406400" cy="2984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27432" rIns="45720" bIns="27432" anchor="ctr" upright="1"/>
        <a:lstStyle/>
        <a:p>
          <a:pPr algn="r" rtl="0">
            <a:defRPr sz="1000"/>
          </a:pPr>
          <a:r>
            <a:rPr lang="ja-JP" altLang="en-US" sz="1400" b="0" i="0" u="none" strike="noStrike" baseline="0">
              <a:solidFill>
                <a:srgbClr val="000000"/>
              </a:solidFill>
              <a:latin typeface="ＭＳ Ｐゴシック"/>
              <a:ea typeface="ＭＳ Ｐゴシック"/>
            </a:rPr>
            <a:t>※３</a:t>
          </a:r>
        </a:p>
      </xdr:txBody>
    </xdr:sp>
    <xdr:clientData/>
  </xdr:twoCellAnchor>
  <xdr:twoCellAnchor>
    <xdr:from>
      <xdr:col>51</xdr:col>
      <xdr:colOff>177800</xdr:colOff>
      <xdr:row>21</xdr:row>
      <xdr:rowOff>342900</xdr:rowOff>
    </xdr:from>
    <xdr:to>
      <xdr:col>53</xdr:col>
      <xdr:colOff>177800</xdr:colOff>
      <xdr:row>21</xdr:row>
      <xdr:rowOff>641350</xdr:rowOff>
    </xdr:to>
    <xdr:sp macro="" textlink="">
      <xdr:nvSpPr>
        <xdr:cNvPr id="27653" name="Text Box 5"/>
        <xdr:cNvSpPr txBox="1">
          <a:spLocks noChangeArrowheads="1"/>
        </xdr:cNvSpPr>
      </xdr:nvSpPr>
      <xdr:spPr bwMode="auto">
        <a:xfrm>
          <a:off x="10509250" y="10972800"/>
          <a:ext cx="406400" cy="2984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27432" rIns="45720" bIns="27432" anchor="ctr" upright="1"/>
        <a:lstStyle/>
        <a:p>
          <a:pPr algn="r" rtl="0">
            <a:defRPr sz="1000"/>
          </a:pPr>
          <a:r>
            <a:rPr lang="ja-JP" altLang="en-US" sz="1400" b="0" i="0" u="none" strike="noStrike" baseline="0">
              <a:solidFill>
                <a:srgbClr val="000000"/>
              </a:solidFill>
              <a:latin typeface="ＭＳ Ｐゴシック"/>
              <a:ea typeface="ＭＳ Ｐゴシック"/>
            </a:rPr>
            <a:t>※３</a:t>
          </a:r>
        </a:p>
      </xdr:txBody>
    </xdr:sp>
    <xdr:clientData/>
  </xdr:twoCellAnchor>
  <xdr:twoCellAnchor>
    <xdr:from>
      <xdr:col>6</xdr:col>
      <xdr:colOff>189230</xdr:colOff>
      <xdr:row>10</xdr:row>
      <xdr:rowOff>87630</xdr:rowOff>
    </xdr:from>
    <xdr:to>
      <xdr:col>8</xdr:col>
      <xdr:colOff>189230</xdr:colOff>
      <xdr:row>10</xdr:row>
      <xdr:rowOff>393733</xdr:rowOff>
    </xdr:to>
    <xdr:sp macro="" textlink="">
      <xdr:nvSpPr>
        <xdr:cNvPr id="27655" name="Text Box 7"/>
        <xdr:cNvSpPr txBox="1">
          <a:spLocks noChangeArrowheads="1"/>
        </xdr:cNvSpPr>
      </xdr:nvSpPr>
      <xdr:spPr bwMode="auto">
        <a:xfrm>
          <a:off x="1384300" y="4953000"/>
          <a:ext cx="406400" cy="2984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0" tIns="27432" rIns="45720" bIns="27432" anchor="ctr" upright="1"/>
        <a:lstStyle/>
        <a:p>
          <a:pPr algn="r" rtl="0">
            <a:lnSpc>
              <a:spcPts val="1500"/>
            </a:lnSpc>
            <a:defRPr sz="1000"/>
          </a:pPr>
          <a:r>
            <a:rPr lang="ja-JP" altLang="en-US" sz="1400" b="0" i="0" u="none" strike="noStrike" baseline="0">
              <a:solidFill>
                <a:srgbClr val="000000"/>
              </a:solidFill>
              <a:latin typeface="ＭＳ Ｐゴシック"/>
              <a:ea typeface="ＭＳ Ｐゴシック"/>
            </a:rPr>
            <a:t>※４</a:t>
          </a:r>
        </a:p>
        <a:p>
          <a:pPr algn="r" rtl="0">
            <a:lnSpc>
              <a:spcPts val="1500"/>
            </a:lnSpc>
            <a:defRPr sz="1000"/>
          </a:pPr>
          <a:endParaRPr lang="ja-JP" altLang="en-US" sz="1400" b="0" i="0" u="none" strike="noStrike" baseline="0">
            <a:solidFill>
              <a:srgbClr val="000000"/>
            </a:solidFill>
            <a:latin typeface="ＭＳ Ｐゴシック"/>
            <a:ea typeface="ＭＳ Ｐゴシック"/>
          </a:endParaRPr>
        </a:p>
      </xdr:txBody>
    </xdr:sp>
    <xdr:clientData/>
  </xdr:twoCellAnchor>
  <xdr:twoCellAnchor>
    <xdr:from>
      <xdr:col>2</xdr:col>
      <xdr:colOff>38100</xdr:colOff>
      <xdr:row>29</xdr:row>
      <xdr:rowOff>228600</xdr:rowOff>
    </xdr:from>
    <xdr:to>
      <xdr:col>4</xdr:col>
      <xdr:colOff>38100</xdr:colOff>
      <xdr:row>31</xdr:row>
      <xdr:rowOff>38100</xdr:rowOff>
    </xdr:to>
    <xdr:sp macro="" textlink="">
      <xdr:nvSpPr>
        <xdr:cNvPr id="27696" name="Oval 8"/>
        <xdr:cNvSpPr>
          <a:spLocks noChangeArrowheads="1"/>
        </xdr:cNvSpPr>
      </xdr:nvSpPr>
      <xdr:spPr bwMode="auto">
        <a:xfrm>
          <a:off x="403860" y="14584680"/>
          <a:ext cx="396240" cy="388620"/>
        </a:xfrm>
        <a:prstGeom prst="ellipse">
          <a:avLst/>
        </a:prstGeom>
        <a:noFill/>
        <a:ln w="57150">
          <a:solidFill>
            <a:srgbClr xmlns:mc="http://schemas.openxmlformats.org/markup-compatibility/2006" xmlns:a14="http://schemas.microsoft.com/office/drawing/2010/main" val="FF0000" mc:Ignorable="a14" a14:legacySpreadsheetColorIndex="10"/>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txBody>
        <a:bodyPr/>
        <a:lstStyle/>
        <a:p>
          <a:endParaRPr lang="ja-JP" altLang="en-US"/>
        </a:p>
      </xdr:txBody>
    </xdr:sp>
    <xdr:clientData/>
  </xdr:twoCellAnchor>
  <xdr:twoCellAnchor editAs="oneCell">
    <xdr:from>
      <xdr:col>1</xdr:col>
      <xdr:colOff>30480</xdr:colOff>
      <xdr:row>0</xdr:row>
      <xdr:rowOff>91440</xdr:rowOff>
    </xdr:from>
    <xdr:to>
      <xdr:col>13</xdr:col>
      <xdr:colOff>160496</xdr:colOff>
      <xdr:row>1</xdr:row>
      <xdr:rowOff>15240</xdr:rowOff>
    </xdr:to>
    <xdr:pic>
      <xdr:nvPicPr>
        <xdr:cNvPr id="10" name="図 9"/>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98120" y="91440"/>
          <a:ext cx="2507456" cy="4114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43</xdr:col>
      <xdr:colOff>114300</xdr:colOff>
      <xdr:row>36</xdr:row>
      <xdr:rowOff>38100</xdr:rowOff>
    </xdr:from>
    <xdr:to>
      <xdr:col>49</xdr:col>
      <xdr:colOff>15240</xdr:colOff>
      <xdr:row>37</xdr:row>
      <xdr:rowOff>259080</xdr:rowOff>
    </xdr:to>
    <xdr:sp macro="" textlink="">
      <xdr:nvSpPr>
        <xdr:cNvPr id="4123" name="AutoShape 1"/>
        <xdr:cNvSpPr>
          <a:spLocks/>
        </xdr:cNvSpPr>
      </xdr:nvSpPr>
      <xdr:spPr bwMode="auto">
        <a:xfrm>
          <a:off x="7315200" y="11231880"/>
          <a:ext cx="868680" cy="487680"/>
        </a:xfrm>
        <a:prstGeom prst="rightBrace">
          <a:avLst>
            <a:gd name="adj1" fmla="val 8333"/>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editAs="oneCell">
    <xdr:from>
      <xdr:col>50</xdr:col>
      <xdr:colOff>69850</xdr:colOff>
      <xdr:row>36</xdr:row>
      <xdr:rowOff>11430</xdr:rowOff>
    </xdr:from>
    <xdr:to>
      <xdr:col>97</xdr:col>
      <xdr:colOff>139700</xdr:colOff>
      <xdr:row>38</xdr:row>
      <xdr:rowOff>38109</xdr:rowOff>
    </xdr:to>
    <xdr:sp macro="" textlink="">
      <xdr:nvSpPr>
        <xdr:cNvPr id="4109" name="Text Box 13"/>
        <xdr:cNvSpPr txBox="1">
          <a:spLocks noChangeArrowheads="1"/>
        </xdr:cNvSpPr>
      </xdr:nvSpPr>
      <xdr:spPr bwMode="auto">
        <a:xfrm>
          <a:off x="8680450" y="11233150"/>
          <a:ext cx="7531100" cy="55245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1100" b="0" i="0" u="none" strike="noStrike" baseline="0">
              <a:solidFill>
                <a:srgbClr val="000000"/>
              </a:solidFill>
              <a:latin typeface="ＭＳ ゴシック"/>
              <a:ea typeface="ＭＳ ゴシック"/>
            </a:rPr>
            <a:t>自己負担額証明書の交付申請を行う場合、①・②のいずれも丸で囲んでください。</a:t>
          </a:r>
        </a:p>
        <a:p>
          <a:pPr algn="l" rtl="0">
            <a:lnSpc>
              <a:spcPts val="1300"/>
            </a:lnSpc>
            <a:defRPr sz="1000"/>
          </a:pPr>
          <a:r>
            <a:rPr lang="ja-JP" altLang="en-US" sz="1100" b="0" i="0" u="none" strike="noStrike" baseline="0">
              <a:solidFill>
                <a:srgbClr val="000000"/>
              </a:solidFill>
              <a:latin typeface="ＭＳ ゴシック"/>
              <a:ea typeface="ＭＳ ゴシック"/>
            </a:rPr>
            <a:t>高額介護合算療養費（高額医療合算介護（予防）サービス費）の支給申請を行う場合、①のみを丸で囲んでください。</a:t>
          </a:r>
        </a:p>
      </xdr:txBody>
    </xdr:sp>
    <xdr:clientData/>
  </xdr:twoCellAnchor>
  <xdr:twoCellAnchor>
    <xdr:from>
      <xdr:col>3</xdr:col>
      <xdr:colOff>0</xdr:colOff>
      <xdr:row>0</xdr:row>
      <xdr:rowOff>49530</xdr:rowOff>
    </xdr:from>
    <xdr:to>
      <xdr:col>11</xdr:col>
      <xdr:colOff>52068</xdr:colOff>
      <xdr:row>0</xdr:row>
      <xdr:rowOff>323850</xdr:rowOff>
    </xdr:to>
    <xdr:sp macro="" textlink="">
      <xdr:nvSpPr>
        <xdr:cNvPr id="4110" name="Text Box 14"/>
        <xdr:cNvSpPr txBox="1">
          <a:spLocks noChangeArrowheads="1"/>
        </xdr:cNvSpPr>
      </xdr:nvSpPr>
      <xdr:spPr bwMode="auto">
        <a:xfrm>
          <a:off x="996950" y="57150"/>
          <a:ext cx="1416050" cy="26670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1200" b="0" i="0" u="none" strike="noStrike" baseline="0">
              <a:solidFill>
                <a:srgbClr val="000000"/>
              </a:solidFill>
              <a:latin typeface="ＭＳ Ｐゴシック"/>
              <a:ea typeface="ＭＳ Ｐゴシック"/>
            </a:rPr>
            <a:t>（別添様式１）</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4</xdr:col>
      <xdr:colOff>0</xdr:colOff>
      <xdr:row>5</xdr:row>
      <xdr:rowOff>0</xdr:rowOff>
    </xdr:from>
    <xdr:to>
      <xdr:col>26</xdr:col>
      <xdr:colOff>25400</xdr:colOff>
      <xdr:row>16</xdr:row>
      <xdr:rowOff>133350</xdr:rowOff>
    </xdr:to>
    <xdr:sp macro="" textlink="">
      <xdr:nvSpPr>
        <xdr:cNvPr id="1025" name="AutoShape 1"/>
        <xdr:cNvSpPr>
          <a:spLocks noChangeArrowheads="1"/>
        </xdr:cNvSpPr>
      </xdr:nvSpPr>
      <xdr:spPr bwMode="auto">
        <a:xfrm>
          <a:off x="482600" y="698500"/>
          <a:ext cx="2679700" cy="1670050"/>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36576" tIns="22860" rIns="0" bIns="0" anchor="t" upright="1"/>
        <a:lstStyle/>
        <a:p>
          <a:pPr algn="l" rtl="0">
            <a:lnSpc>
              <a:spcPts val="1100"/>
            </a:lnSpc>
            <a:defRPr sz="1000"/>
          </a:pPr>
          <a:r>
            <a:rPr lang="ja-JP" altLang="en-US" sz="900" b="0" i="0" u="none" strike="noStrike" baseline="0">
              <a:solidFill>
                <a:srgbClr val="000000"/>
              </a:solidFill>
              <a:latin typeface="ＭＳ ゴシック"/>
              <a:ea typeface="ＭＳ ゴシック"/>
            </a:rPr>
            <a:t>〒123-45XX</a:t>
          </a:r>
        </a:p>
        <a:p>
          <a:pPr algn="l" rtl="0">
            <a:lnSpc>
              <a:spcPts val="1100"/>
            </a:lnSpc>
            <a:defRPr sz="1000"/>
          </a:pPr>
          <a:r>
            <a:rPr lang="ja-JP" altLang="en-US" sz="900" b="0" i="0" u="none" strike="noStrike" baseline="0">
              <a:solidFill>
                <a:srgbClr val="000000"/>
              </a:solidFill>
              <a:latin typeface="ＭＳ ゴシック"/>
              <a:ea typeface="ＭＳ ゴシック"/>
            </a:rPr>
            <a:t>○○県××市×××１－２－３</a:t>
          </a:r>
        </a:p>
        <a:p>
          <a:pPr algn="l" rtl="0">
            <a:lnSpc>
              <a:spcPts val="1100"/>
            </a:lnSpc>
            <a:defRPr sz="1000"/>
          </a:pPr>
          <a:r>
            <a:rPr lang="ja-JP" altLang="en-US" sz="900" b="0" i="0" u="none" strike="noStrike" baseline="0">
              <a:solidFill>
                <a:srgbClr val="000000"/>
              </a:solidFill>
              <a:latin typeface="ＭＳ ゴシック"/>
              <a:ea typeface="ＭＳ ゴシック"/>
            </a:rPr>
            <a:t>        </a:t>
          </a:r>
        </a:p>
        <a:p>
          <a:pPr algn="l" rtl="0">
            <a:lnSpc>
              <a:spcPts val="1100"/>
            </a:lnSpc>
            <a:defRPr sz="1000"/>
          </a:pPr>
          <a:endParaRPr lang="ja-JP" altLang="en-US" sz="900" b="0" i="0" u="none" strike="noStrike" baseline="0">
            <a:solidFill>
              <a:srgbClr val="000000"/>
            </a:solidFill>
            <a:latin typeface="ＭＳ ゴシック"/>
            <a:ea typeface="ＭＳ ゴシック"/>
          </a:endParaRPr>
        </a:p>
        <a:p>
          <a:pPr algn="l" rtl="0">
            <a:lnSpc>
              <a:spcPts val="1100"/>
            </a:lnSpc>
            <a:defRPr sz="1000"/>
          </a:pPr>
          <a:r>
            <a:rPr lang="ja-JP" altLang="en-US" sz="900" b="0" i="0" u="none" strike="noStrike" baseline="0">
              <a:solidFill>
                <a:srgbClr val="000000"/>
              </a:solidFill>
              <a:latin typeface="ＭＳ ゴシック"/>
              <a:ea typeface="ＭＳ ゴシック"/>
            </a:rPr>
            <a:t>       </a:t>
          </a:r>
        </a:p>
        <a:p>
          <a:pPr algn="l" rtl="0">
            <a:lnSpc>
              <a:spcPts val="1100"/>
            </a:lnSpc>
            <a:defRPr sz="1000"/>
          </a:pPr>
          <a:r>
            <a:rPr lang="ja-JP" altLang="en-US" sz="900" b="0" i="0" u="none" strike="noStrike" baseline="0">
              <a:solidFill>
                <a:srgbClr val="000000"/>
              </a:solidFill>
              <a:latin typeface="ＭＳ ゴシック"/>
              <a:ea typeface="ＭＳ ゴシック"/>
            </a:rPr>
            <a:t> </a:t>
          </a:r>
        </a:p>
        <a:p>
          <a:pPr algn="l" rtl="0">
            <a:lnSpc>
              <a:spcPts val="1100"/>
            </a:lnSpc>
            <a:defRPr sz="1000"/>
          </a:pPr>
          <a:endParaRPr lang="ja-JP" altLang="en-US" sz="900" b="0" i="0" u="none" strike="noStrike" baseline="0">
            <a:solidFill>
              <a:srgbClr val="000000"/>
            </a:solidFill>
            <a:latin typeface="ＭＳ ゴシック"/>
            <a:ea typeface="ＭＳ ゴシック"/>
          </a:endParaRPr>
        </a:p>
        <a:p>
          <a:pPr algn="l" rtl="0">
            <a:lnSpc>
              <a:spcPts val="1100"/>
            </a:lnSpc>
            <a:defRPr sz="1000"/>
          </a:pPr>
          <a:endParaRPr lang="ja-JP" altLang="en-US" sz="900" b="0" i="0" u="none" strike="noStrike" baseline="0">
            <a:solidFill>
              <a:srgbClr val="000000"/>
            </a:solidFill>
            <a:latin typeface="ＭＳ ゴシック"/>
            <a:ea typeface="ＭＳ ゴシック"/>
          </a:endParaRPr>
        </a:p>
        <a:p>
          <a:pPr algn="l" rtl="0">
            <a:lnSpc>
              <a:spcPts val="1100"/>
            </a:lnSpc>
            <a:defRPr sz="1000"/>
          </a:pPr>
          <a:endParaRPr lang="ja-JP" altLang="en-US" sz="900" b="0" i="0" u="none" strike="noStrike" baseline="0">
            <a:solidFill>
              <a:srgbClr val="000000"/>
            </a:solidFill>
            <a:latin typeface="ＭＳ ゴシック"/>
            <a:ea typeface="ＭＳ ゴシック"/>
          </a:endParaRPr>
        </a:p>
        <a:p>
          <a:pPr algn="l" rtl="0">
            <a:lnSpc>
              <a:spcPts val="1000"/>
            </a:lnSpc>
            <a:defRPr sz="1000"/>
          </a:pPr>
          <a:r>
            <a:rPr lang="ja-JP" altLang="en-US" sz="900" b="0" i="0" u="none" strike="noStrike" baseline="0">
              <a:solidFill>
                <a:srgbClr val="000000"/>
              </a:solidFill>
              <a:latin typeface="ＭＳ ゴシック"/>
              <a:ea typeface="ＭＳ ゴシック"/>
            </a:rPr>
            <a:t>介護　太郎　　　　　　　　　　　　　　　　様</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6.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dimension ref="A1:DG90"/>
  <sheetViews>
    <sheetView view="pageBreakPreview" zoomScale="55" zoomScaleNormal="50" zoomScaleSheetLayoutView="70" workbookViewId="0">
      <selection activeCell="N12" sqref="N12:AB17"/>
    </sheetView>
  </sheetViews>
  <sheetFormatPr defaultColWidth="9" defaultRowHeight="13.2" x14ac:dyDescent="0.2"/>
  <cols>
    <col min="1" max="1" width="2.44140625" style="1" customWidth="1"/>
    <col min="2" max="2" width="10.6640625" style="1" customWidth="1"/>
    <col min="3" max="4" width="2.33203125" style="1" customWidth="1"/>
    <col min="5" max="8" width="2.44140625" style="1" customWidth="1"/>
    <col min="9" max="109" width="2.33203125" style="1" customWidth="1"/>
    <col min="110" max="110" width="9.21875" style="144" customWidth="1"/>
    <col min="111" max="111" width="9" style="144"/>
    <col min="112" max="16384" width="9" style="1"/>
  </cols>
  <sheetData>
    <row r="1" spans="1:111" ht="38.25" customHeight="1" thickBot="1" x14ac:dyDescent="0.25">
      <c r="B1" s="517" t="s">
        <v>86</v>
      </c>
      <c r="C1" s="517"/>
      <c r="D1" s="517"/>
      <c r="E1" s="517"/>
      <c r="F1" s="517"/>
      <c r="G1" s="517"/>
      <c r="H1" s="517"/>
      <c r="I1" s="517"/>
      <c r="J1" s="517"/>
      <c r="K1" s="517"/>
      <c r="L1" s="517"/>
      <c r="M1" s="517"/>
      <c r="N1" s="517"/>
      <c r="O1" s="517"/>
      <c r="P1" s="517"/>
      <c r="Q1" s="517"/>
      <c r="R1" s="517"/>
      <c r="S1" s="517"/>
      <c r="T1" s="517"/>
      <c r="U1" s="517"/>
      <c r="V1" s="517"/>
      <c r="W1" s="517"/>
      <c r="X1" s="517"/>
      <c r="Y1" s="517"/>
      <c r="Z1" s="517"/>
      <c r="AA1" s="517"/>
      <c r="AB1" s="517"/>
      <c r="AC1" s="517"/>
      <c r="AD1" s="517"/>
      <c r="AE1" s="517"/>
      <c r="AF1" s="517"/>
      <c r="AG1" s="517"/>
      <c r="AH1" s="517"/>
      <c r="AI1" s="517"/>
      <c r="AJ1" s="517"/>
      <c r="AK1" s="517"/>
      <c r="AL1" s="517"/>
      <c r="AM1" s="517"/>
      <c r="AN1" s="517"/>
      <c r="AO1" s="517"/>
      <c r="AP1" s="517"/>
      <c r="AQ1" s="517"/>
      <c r="AR1" s="517"/>
      <c r="AS1" s="517"/>
      <c r="AT1" s="517"/>
      <c r="AU1" s="517"/>
      <c r="AV1" s="517"/>
      <c r="AW1" s="517"/>
      <c r="AX1" s="517"/>
      <c r="AY1" s="517"/>
      <c r="AZ1" s="517"/>
      <c r="BA1" s="517"/>
      <c r="BB1" s="517"/>
      <c r="BC1" s="517"/>
      <c r="BD1" s="517"/>
      <c r="BE1" s="517"/>
      <c r="BF1" s="517"/>
      <c r="BG1" s="517"/>
      <c r="BH1" s="517"/>
      <c r="BI1" s="517"/>
      <c r="BJ1" s="517"/>
      <c r="BK1" s="517"/>
      <c r="BL1" s="517"/>
      <c r="BM1" s="517"/>
      <c r="BN1" s="517"/>
      <c r="BO1" s="517"/>
      <c r="BP1" s="517"/>
      <c r="BQ1" s="517"/>
      <c r="BR1" s="517"/>
      <c r="BS1" s="517"/>
      <c r="BT1" s="517"/>
      <c r="BU1" s="517"/>
      <c r="BV1" s="517"/>
      <c r="BW1" s="517"/>
      <c r="BX1" s="517"/>
      <c r="BY1" s="517"/>
      <c r="BZ1" s="517"/>
      <c r="CA1" s="517"/>
      <c r="CB1" s="517"/>
      <c r="CC1" s="517"/>
      <c r="CD1" s="517"/>
      <c r="CE1" s="517"/>
      <c r="CF1" s="517"/>
      <c r="CG1" s="517"/>
      <c r="CH1" s="517"/>
      <c r="CI1" s="517"/>
      <c r="CJ1" s="517"/>
      <c r="CK1" s="517"/>
      <c r="CL1" s="517"/>
      <c r="CM1" s="517"/>
      <c r="CN1" s="517"/>
      <c r="CO1" s="517"/>
      <c r="CP1" s="517"/>
      <c r="CQ1" s="517"/>
      <c r="CR1" s="517"/>
      <c r="CS1" s="517"/>
      <c r="CT1" s="517"/>
      <c r="CU1" s="517"/>
      <c r="CV1" s="517"/>
      <c r="CW1" s="517"/>
      <c r="CX1" s="517"/>
      <c r="CY1" s="517"/>
      <c r="CZ1" s="517"/>
      <c r="DA1" s="517"/>
      <c r="DB1" s="517"/>
      <c r="DC1" s="517"/>
      <c r="DD1" s="517"/>
      <c r="DE1" s="517"/>
    </row>
    <row r="2" spans="1:111" s="2" customFormat="1" ht="36" customHeight="1" thickTop="1" x14ac:dyDescent="0.15">
      <c r="A2" s="48"/>
      <c r="B2" s="557" t="s">
        <v>76</v>
      </c>
      <c r="C2" s="482"/>
      <c r="D2" s="482"/>
      <c r="E2" s="482"/>
      <c r="F2" s="482"/>
      <c r="G2" s="483"/>
      <c r="H2" s="518" t="s">
        <v>182</v>
      </c>
      <c r="I2" s="519"/>
      <c r="J2" s="519"/>
      <c r="K2" s="519"/>
      <c r="L2" s="519"/>
      <c r="M2" s="519"/>
      <c r="N2" s="519"/>
      <c r="O2" s="519"/>
      <c r="P2" s="519"/>
      <c r="Q2" s="519"/>
      <c r="R2" s="519"/>
      <c r="S2" s="519"/>
      <c r="T2" s="519"/>
      <c r="U2" s="519"/>
      <c r="V2" s="562" t="s">
        <v>107</v>
      </c>
      <c r="W2" s="493"/>
      <c r="X2" s="493"/>
      <c r="Y2" s="493"/>
      <c r="Z2" s="493"/>
      <c r="AA2" s="493"/>
      <c r="AB2" s="495" t="s">
        <v>104</v>
      </c>
      <c r="AC2" s="495"/>
      <c r="AD2" s="495"/>
      <c r="AE2" s="495"/>
      <c r="AF2" s="495"/>
      <c r="AG2" s="495"/>
      <c r="AH2" s="495" t="s">
        <v>103</v>
      </c>
      <c r="AI2" s="495"/>
      <c r="AJ2" s="495"/>
      <c r="AK2" s="495"/>
      <c r="AL2" s="495"/>
      <c r="AM2" s="495"/>
      <c r="AN2" s="518" t="s">
        <v>153</v>
      </c>
      <c r="AO2" s="519"/>
      <c r="AP2" s="519"/>
      <c r="AQ2" s="519"/>
      <c r="AR2" s="519"/>
      <c r="AS2" s="520"/>
      <c r="AT2" s="48"/>
      <c r="AU2" s="48"/>
      <c r="AV2" s="48"/>
      <c r="AW2" s="48"/>
      <c r="AX2" s="48"/>
      <c r="AY2" s="48"/>
      <c r="AZ2" s="48"/>
      <c r="BA2" s="48"/>
      <c r="BB2" s="48"/>
      <c r="BC2" s="48"/>
      <c r="BD2" s="48"/>
      <c r="BE2" s="48"/>
      <c r="BF2" s="48"/>
      <c r="BG2" s="48"/>
      <c r="BH2" s="48"/>
      <c r="BI2" s="48"/>
      <c r="BJ2" s="64"/>
      <c r="BK2" s="64"/>
      <c r="BL2" s="64"/>
      <c r="BM2" s="64"/>
      <c r="BN2" s="64"/>
      <c r="BO2" s="64"/>
      <c r="BP2" s="64"/>
      <c r="BQ2" s="64"/>
      <c r="BR2" s="64"/>
      <c r="BS2" s="64"/>
      <c r="BT2" s="64"/>
      <c r="BU2" s="64"/>
      <c r="BV2" s="64"/>
      <c r="BW2" s="64"/>
      <c r="BX2" s="64"/>
      <c r="BY2" s="64"/>
      <c r="BZ2" s="64"/>
      <c r="CG2" s="111" t="s">
        <v>193</v>
      </c>
      <c r="CH2" s="332" t="s">
        <v>106</v>
      </c>
      <c r="CI2" s="333"/>
      <c r="CJ2" s="333"/>
      <c r="CK2" s="333"/>
      <c r="CL2" s="333"/>
      <c r="CM2" s="333"/>
      <c r="CN2" s="333"/>
      <c r="CO2" s="333"/>
      <c r="CP2" s="333"/>
      <c r="CQ2" s="334"/>
      <c r="CR2" s="556"/>
      <c r="CS2" s="556"/>
      <c r="CT2" s="556"/>
      <c r="CU2" s="556"/>
      <c r="CV2" s="556"/>
      <c r="CW2" s="556"/>
      <c r="CX2" s="556"/>
      <c r="CY2" s="556"/>
      <c r="CZ2" s="556"/>
      <c r="DA2" s="556"/>
      <c r="DB2" s="556"/>
      <c r="DC2" s="556"/>
      <c r="DD2" s="556"/>
      <c r="DE2" s="556"/>
      <c r="DF2" s="53"/>
      <c r="DG2" s="53"/>
    </row>
    <row r="3" spans="1:111" s="2" customFormat="1" ht="6.75" customHeight="1" thickBot="1" x14ac:dyDescent="0.2">
      <c r="A3" s="48"/>
      <c r="B3" s="558"/>
      <c r="C3" s="357"/>
      <c r="D3" s="357"/>
      <c r="E3" s="357"/>
      <c r="F3" s="357"/>
      <c r="G3" s="358"/>
      <c r="H3" s="559"/>
      <c r="I3" s="560"/>
      <c r="J3" s="560"/>
      <c r="K3" s="560"/>
      <c r="L3" s="560"/>
      <c r="M3" s="560"/>
      <c r="N3" s="560"/>
      <c r="O3" s="560"/>
      <c r="P3" s="560"/>
      <c r="Q3" s="560"/>
      <c r="R3" s="560"/>
      <c r="S3" s="560"/>
      <c r="T3" s="560"/>
      <c r="U3" s="560"/>
      <c r="V3" s="563"/>
      <c r="W3" s="564"/>
      <c r="X3" s="564"/>
      <c r="Y3" s="564"/>
      <c r="Z3" s="564"/>
      <c r="AA3" s="564"/>
      <c r="AB3" s="561"/>
      <c r="AC3" s="561"/>
      <c r="AD3" s="561"/>
      <c r="AE3" s="561"/>
      <c r="AF3" s="561"/>
      <c r="AG3" s="561"/>
      <c r="AH3" s="561"/>
      <c r="AI3" s="561"/>
      <c r="AJ3" s="561"/>
      <c r="AK3" s="561"/>
      <c r="AL3" s="561"/>
      <c r="AM3" s="561"/>
      <c r="AN3" s="559"/>
      <c r="AO3" s="560"/>
      <c r="AP3" s="560"/>
      <c r="AQ3" s="560"/>
      <c r="AR3" s="560"/>
      <c r="AS3" s="565"/>
      <c r="AT3" s="48"/>
      <c r="AU3" s="48"/>
      <c r="AV3" s="48"/>
      <c r="AW3" s="48"/>
      <c r="AX3" s="48"/>
      <c r="AY3" s="48"/>
      <c r="AZ3" s="48"/>
      <c r="BA3" s="48"/>
      <c r="BB3" s="48"/>
      <c r="BC3" s="68"/>
      <c r="BD3" s="68"/>
      <c r="BE3" s="68"/>
      <c r="BF3" s="68"/>
      <c r="BG3" s="68"/>
      <c r="BH3" s="68"/>
      <c r="BI3" s="68"/>
      <c r="BJ3" s="68"/>
      <c r="BK3" s="68"/>
      <c r="BL3" s="68"/>
      <c r="BM3" s="68"/>
      <c r="BN3" s="68"/>
      <c r="BO3" s="68"/>
      <c r="BP3" s="68"/>
      <c r="BQ3" s="68"/>
      <c r="BR3" s="68"/>
      <c r="BS3" s="68"/>
      <c r="BT3" s="68"/>
      <c r="BU3" s="68"/>
      <c r="BV3" s="68"/>
      <c r="BW3" s="68"/>
      <c r="BX3" s="68"/>
      <c r="BY3" s="68"/>
      <c r="BZ3" s="68"/>
      <c r="CA3" s="68"/>
      <c r="CB3" s="68"/>
      <c r="CC3" s="68"/>
      <c r="CD3" s="68"/>
      <c r="CE3" s="68"/>
      <c r="CF3" s="80"/>
      <c r="CG3" s="80"/>
      <c r="CH3" s="80"/>
      <c r="CI3" s="80"/>
      <c r="CJ3" s="80"/>
      <c r="CK3" s="80"/>
      <c r="CL3" s="80"/>
      <c r="CM3" s="68"/>
      <c r="CN3" s="68"/>
      <c r="CO3" s="68"/>
      <c r="CP3" s="68"/>
      <c r="CQ3" s="68"/>
      <c r="CR3" s="68"/>
      <c r="CS3" s="68"/>
      <c r="CT3" s="68"/>
      <c r="CU3" s="68"/>
      <c r="CV3" s="68"/>
      <c r="CW3" s="68"/>
      <c r="CX3" s="68"/>
      <c r="CY3" s="68"/>
      <c r="CZ3" s="68"/>
      <c r="DA3" s="68"/>
      <c r="DB3" s="68"/>
      <c r="DC3" s="68"/>
      <c r="DD3" s="68"/>
      <c r="DE3" s="68"/>
      <c r="DF3" s="53"/>
      <c r="DG3" s="53"/>
    </row>
    <row r="4" spans="1:111" s="64" customFormat="1" ht="11.25" customHeight="1" thickTop="1" thickBot="1" x14ac:dyDescent="0.2">
      <c r="A4" s="48"/>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8"/>
      <c r="AT4" s="68"/>
      <c r="AU4" s="68"/>
      <c r="AV4" s="68"/>
      <c r="AW4" s="48"/>
      <c r="AX4" s="48"/>
      <c r="AY4" s="48"/>
      <c r="AZ4" s="48"/>
      <c r="BA4" s="48"/>
      <c r="BB4" s="48"/>
      <c r="BC4" s="69"/>
      <c r="BD4" s="69"/>
      <c r="BE4" s="69"/>
      <c r="BF4" s="69"/>
      <c r="BG4" s="69"/>
      <c r="BH4" s="69"/>
      <c r="BI4" s="69"/>
      <c r="BJ4" s="69"/>
      <c r="BK4" s="69"/>
      <c r="BL4" s="69"/>
      <c r="BM4" s="69"/>
      <c r="BN4" s="69"/>
      <c r="BO4" s="69"/>
      <c r="BP4" s="69"/>
      <c r="BQ4" s="69"/>
      <c r="BR4" s="69"/>
      <c r="BS4" s="69"/>
      <c r="BT4" s="69"/>
      <c r="BU4" s="69"/>
      <c r="BV4" s="69"/>
      <c r="BW4" s="69"/>
      <c r="BX4" s="69"/>
      <c r="BY4" s="69"/>
      <c r="BZ4" s="69"/>
      <c r="CA4" s="69"/>
      <c r="CB4" s="69"/>
      <c r="CC4" s="69"/>
      <c r="CD4" s="69"/>
      <c r="CE4" s="69"/>
      <c r="CF4" s="70"/>
      <c r="CG4" s="70"/>
      <c r="CH4" s="70"/>
      <c r="CI4" s="70"/>
      <c r="CJ4" s="70"/>
      <c r="CK4" s="70"/>
      <c r="CL4" s="70"/>
      <c r="CM4" s="69"/>
      <c r="CN4" s="69"/>
      <c r="CO4" s="69"/>
      <c r="CP4" s="69"/>
      <c r="CQ4" s="69"/>
      <c r="CR4" s="69"/>
      <c r="CS4" s="69"/>
      <c r="CT4" s="69"/>
      <c r="CU4" s="69"/>
      <c r="CV4" s="69"/>
      <c r="CW4" s="69"/>
      <c r="CX4" s="69"/>
      <c r="CY4" s="69"/>
      <c r="CZ4" s="69"/>
      <c r="DA4" s="69"/>
      <c r="DB4" s="69"/>
      <c r="DC4" s="69"/>
      <c r="DD4" s="69"/>
      <c r="DE4" s="69"/>
      <c r="DF4" s="53"/>
      <c r="DG4" s="53"/>
    </row>
    <row r="5" spans="1:111" s="2" customFormat="1" ht="21.75" customHeight="1" thickTop="1" x14ac:dyDescent="0.15">
      <c r="A5" s="3"/>
      <c r="B5" s="499" t="s">
        <v>154</v>
      </c>
      <c r="C5" s="500"/>
      <c r="D5" s="500"/>
      <c r="E5" s="501"/>
      <c r="F5" s="502"/>
      <c r="G5" s="502"/>
      <c r="H5" s="502"/>
      <c r="I5" s="502"/>
      <c r="J5" s="502"/>
      <c r="K5" s="502"/>
      <c r="L5" s="502"/>
      <c r="M5" s="502"/>
      <c r="N5" s="502"/>
      <c r="O5" s="502"/>
      <c r="P5" s="502"/>
      <c r="Q5" s="502"/>
      <c r="R5" s="502"/>
      <c r="S5" s="502"/>
      <c r="T5" s="502"/>
      <c r="U5" s="502"/>
      <c r="V5" s="502"/>
      <c r="W5" s="502"/>
      <c r="X5" s="502"/>
      <c r="Y5" s="502"/>
      <c r="Z5" s="502"/>
      <c r="AA5" s="502"/>
      <c r="AB5" s="502"/>
      <c r="AC5" s="502"/>
      <c r="AD5" s="502"/>
      <c r="AE5" s="502"/>
      <c r="AF5" s="502"/>
      <c r="AG5" s="503"/>
      <c r="AH5" s="481" t="s">
        <v>12</v>
      </c>
      <c r="AI5" s="482"/>
      <c r="AJ5" s="482"/>
      <c r="AK5" s="482"/>
      <c r="AL5" s="482"/>
      <c r="AM5" s="482"/>
      <c r="AN5" s="483"/>
      <c r="AO5" s="487" t="s">
        <v>165</v>
      </c>
      <c r="AP5" s="488"/>
      <c r="AQ5" s="488"/>
      <c r="AR5" s="488"/>
      <c r="AS5" s="488"/>
      <c r="AT5" s="488"/>
      <c r="AU5" s="488"/>
      <c r="AV5" s="488"/>
      <c r="AW5" s="488"/>
      <c r="AX5" s="488"/>
      <c r="AY5" s="488"/>
      <c r="AZ5" s="488"/>
      <c r="BA5" s="488"/>
      <c r="BB5" s="488"/>
      <c r="BC5" s="488"/>
      <c r="BD5" s="488"/>
      <c r="BE5" s="488"/>
      <c r="BF5" s="488"/>
      <c r="BG5" s="488"/>
      <c r="BH5" s="488"/>
      <c r="BI5" s="488"/>
      <c r="BJ5" s="489"/>
      <c r="BK5" s="483" t="s">
        <v>14</v>
      </c>
      <c r="BL5" s="493"/>
      <c r="BM5" s="493"/>
      <c r="BN5" s="493"/>
      <c r="BO5" s="495"/>
      <c r="BP5" s="495"/>
      <c r="BQ5" s="495"/>
      <c r="BR5" s="496"/>
      <c r="BS5" s="482" t="s">
        <v>9</v>
      </c>
      <c r="BT5" s="482"/>
      <c r="BU5" s="482"/>
      <c r="BV5" s="482"/>
      <c r="BW5" s="482"/>
      <c r="BX5" s="482"/>
      <c r="BY5" s="482"/>
      <c r="BZ5" s="482"/>
      <c r="CA5" s="482"/>
      <c r="CB5" s="482"/>
      <c r="CC5" s="482"/>
      <c r="CD5" s="482"/>
      <c r="CE5" s="483"/>
      <c r="CF5" s="518" t="s">
        <v>10</v>
      </c>
      <c r="CG5" s="519"/>
      <c r="CH5" s="519"/>
      <c r="CI5" s="519"/>
      <c r="CJ5" s="519"/>
      <c r="CK5" s="519"/>
      <c r="CL5" s="519"/>
      <c r="CM5" s="519"/>
      <c r="CN5" s="519"/>
      <c r="CO5" s="519"/>
      <c r="CP5" s="519"/>
      <c r="CQ5" s="519"/>
      <c r="CR5" s="519"/>
      <c r="CS5" s="519"/>
      <c r="CT5" s="519"/>
      <c r="CU5" s="519"/>
      <c r="CV5" s="519"/>
      <c r="CW5" s="519"/>
      <c r="CX5" s="519"/>
      <c r="CY5" s="519"/>
      <c r="CZ5" s="519"/>
      <c r="DA5" s="519"/>
      <c r="DB5" s="519"/>
      <c r="DC5" s="519"/>
      <c r="DD5" s="519"/>
      <c r="DE5" s="520"/>
      <c r="DF5" s="145"/>
      <c r="DG5" s="145"/>
    </row>
    <row r="6" spans="1:111" s="2" customFormat="1" ht="55.5" customHeight="1" thickBot="1" x14ac:dyDescent="0.2">
      <c r="A6" s="3"/>
      <c r="B6" s="476" t="s">
        <v>155</v>
      </c>
      <c r="C6" s="477"/>
      <c r="D6" s="477"/>
      <c r="E6" s="478"/>
      <c r="F6" s="479"/>
      <c r="G6" s="479"/>
      <c r="H6" s="479"/>
      <c r="I6" s="479"/>
      <c r="J6" s="479"/>
      <c r="K6" s="479"/>
      <c r="L6" s="479"/>
      <c r="M6" s="479"/>
      <c r="N6" s="479"/>
      <c r="O6" s="479"/>
      <c r="P6" s="479"/>
      <c r="Q6" s="479"/>
      <c r="R6" s="479"/>
      <c r="S6" s="479"/>
      <c r="T6" s="479"/>
      <c r="U6" s="479"/>
      <c r="V6" s="479"/>
      <c r="W6" s="479"/>
      <c r="X6" s="479"/>
      <c r="Y6" s="479"/>
      <c r="Z6" s="479"/>
      <c r="AA6" s="479"/>
      <c r="AB6" s="479"/>
      <c r="AC6" s="479"/>
      <c r="AD6" s="479"/>
      <c r="AE6" s="479"/>
      <c r="AF6" s="479"/>
      <c r="AG6" s="480"/>
      <c r="AH6" s="484"/>
      <c r="AI6" s="485"/>
      <c r="AJ6" s="485"/>
      <c r="AK6" s="485"/>
      <c r="AL6" s="485"/>
      <c r="AM6" s="485"/>
      <c r="AN6" s="486"/>
      <c r="AO6" s="490"/>
      <c r="AP6" s="491"/>
      <c r="AQ6" s="491"/>
      <c r="AR6" s="491"/>
      <c r="AS6" s="491"/>
      <c r="AT6" s="491"/>
      <c r="AU6" s="491"/>
      <c r="AV6" s="491"/>
      <c r="AW6" s="491"/>
      <c r="AX6" s="491"/>
      <c r="AY6" s="491"/>
      <c r="AZ6" s="491"/>
      <c r="BA6" s="491"/>
      <c r="BB6" s="491"/>
      <c r="BC6" s="491"/>
      <c r="BD6" s="491"/>
      <c r="BE6" s="491"/>
      <c r="BF6" s="491"/>
      <c r="BG6" s="491"/>
      <c r="BH6" s="491"/>
      <c r="BI6" s="491"/>
      <c r="BJ6" s="492"/>
      <c r="BK6" s="486"/>
      <c r="BL6" s="494"/>
      <c r="BM6" s="494"/>
      <c r="BN6" s="494"/>
      <c r="BO6" s="497"/>
      <c r="BP6" s="497"/>
      <c r="BQ6" s="497"/>
      <c r="BR6" s="498"/>
      <c r="BS6" s="485"/>
      <c r="BT6" s="485"/>
      <c r="BU6" s="485"/>
      <c r="BV6" s="485"/>
      <c r="BW6" s="485"/>
      <c r="BX6" s="485"/>
      <c r="BY6" s="485"/>
      <c r="BZ6" s="485"/>
      <c r="CA6" s="485"/>
      <c r="CB6" s="485"/>
      <c r="CC6" s="485"/>
      <c r="CD6" s="485"/>
      <c r="CE6" s="486"/>
      <c r="CF6" s="521"/>
      <c r="CG6" s="522"/>
      <c r="CH6" s="522"/>
      <c r="CI6" s="522"/>
      <c r="CJ6" s="522"/>
      <c r="CK6" s="522"/>
      <c r="CL6" s="522"/>
      <c r="CM6" s="522"/>
      <c r="CN6" s="522"/>
      <c r="CO6" s="522"/>
      <c r="CP6" s="522"/>
      <c r="CQ6" s="522"/>
      <c r="CR6" s="522"/>
      <c r="CS6" s="522"/>
      <c r="CT6" s="522"/>
      <c r="CU6" s="522"/>
      <c r="CV6" s="522"/>
      <c r="CW6" s="522"/>
      <c r="CX6" s="522"/>
      <c r="CY6" s="522"/>
      <c r="CZ6" s="522"/>
      <c r="DA6" s="522"/>
      <c r="DB6" s="522"/>
      <c r="DC6" s="522"/>
      <c r="DD6" s="522"/>
      <c r="DE6" s="523"/>
      <c r="DF6" s="53"/>
      <c r="DG6" s="53"/>
    </row>
    <row r="7" spans="1:111" s="2" customFormat="1" ht="27" customHeight="1" x14ac:dyDescent="0.15">
      <c r="A7" s="3"/>
      <c r="B7" s="504" t="s">
        <v>77</v>
      </c>
      <c r="C7" s="505"/>
      <c r="D7" s="505"/>
      <c r="E7" s="505"/>
      <c r="F7" s="505"/>
      <c r="G7" s="505"/>
      <c r="H7" s="505"/>
      <c r="I7" s="505"/>
      <c r="J7" s="505"/>
      <c r="K7" s="505"/>
      <c r="L7" s="505"/>
      <c r="M7" s="505"/>
      <c r="N7" s="505"/>
      <c r="O7" s="505"/>
      <c r="P7" s="505"/>
      <c r="Q7" s="505"/>
      <c r="R7" s="505"/>
      <c r="S7" s="505"/>
      <c r="T7" s="505"/>
      <c r="U7" s="505"/>
      <c r="V7" s="505"/>
      <c r="W7" s="505"/>
      <c r="X7" s="505"/>
      <c r="Y7" s="505"/>
      <c r="Z7" s="505"/>
      <c r="AA7" s="505"/>
      <c r="AB7" s="505"/>
      <c r="AC7" s="505"/>
      <c r="AD7" s="505"/>
      <c r="AE7" s="505"/>
      <c r="AF7" s="505"/>
      <c r="AG7" s="505"/>
      <c r="AH7" s="505"/>
      <c r="AI7" s="505"/>
      <c r="AJ7" s="505"/>
      <c r="AK7" s="347"/>
      <c r="AL7" s="506" t="s">
        <v>78</v>
      </c>
      <c r="AM7" s="505"/>
      <c r="AN7" s="505"/>
      <c r="AO7" s="505"/>
      <c r="AP7" s="505"/>
      <c r="AQ7" s="505"/>
      <c r="AR7" s="505"/>
      <c r="AS7" s="505"/>
      <c r="AT7" s="505"/>
      <c r="AU7" s="505"/>
      <c r="AV7" s="505"/>
      <c r="AW7" s="505"/>
      <c r="AX7" s="505"/>
      <c r="AY7" s="505"/>
      <c r="AZ7" s="505"/>
      <c r="BA7" s="505"/>
      <c r="BB7" s="505"/>
      <c r="BC7" s="505"/>
      <c r="BD7" s="505"/>
      <c r="BE7" s="505"/>
      <c r="BF7" s="505"/>
      <c r="BG7" s="505"/>
      <c r="BH7" s="505"/>
      <c r="BI7" s="505"/>
      <c r="BJ7" s="505"/>
      <c r="BK7" s="505"/>
      <c r="BL7" s="505"/>
      <c r="BM7" s="505"/>
      <c r="BN7" s="505"/>
      <c r="BO7" s="505"/>
      <c r="BP7" s="505"/>
      <c r="BQ7" s="505"/>
      <c r="BR7" s="505"/>
      <c r="BS7" s="505"/>
      <c r="BT7" s="505"/>
      <c r="BU7" s="507"/>
      <c r="BV7" s="506" t="s">
        <v>200</v>
      </c>
      <c r="BW7" s="505"/>
      <c r="BX7" s="505"/>
      <c r="BY7" s="505"/>
      <c r="BZ7" s="505"/>
      <c r="CA7" s="505"/>
      <c r="CB7" s="505"/>
      <c r="CC7" s="505"/>
      <c r="CD7" s="505"/>
      <c r="CE7" s="505"/>
      <c r="CF7" s="505"/>
      <c r="CG7" s="505"/>
      <c r="CH7" s="505"/>
      <c r="CI7" s="505"/>
      <c r="CJ7" s="505"/>
      <c r="CK7" s="505"/>
      <c r="CL7" s="505"/>
      <c r="CM7" s="505"/>
      <c r="CN7" s="505"/>
      <c r="CO7" s="505"/>
      <c r="CP7" s="505"/>
      <c r="CQ7" s="505"/>
      <c r="CR7" s="505"/>
      <c r="CS7" s="505"/>
      <c r="CT7" s="505"/>
      <c r="CU7" s="505"/>
      <c r="CV7" s="505"/>
      <c r="CW7" s="505"/>
      <c r="CX7" s="505"/>
      <c r="CY7" s="505"/>
      <c r="CZ7" s="505"/>
      <c r="DA7" s="505"/>
      <c r="DB7" s="505"/>
      <c r="DC7" s="505"/>
      <c r="DD7" s="347"/>
      <c r="DE7" s="508"/>
      <c r="DF7" s="53"/>
      <c r="DG7" s="53"/>
    </row>
    <row r="8" spans="1:111" s="2" customFormat="1" ht="27.75" customHeight="1" x14ac:dyDescent="0.15">
      <c r="A8" s="3"/>
      <c r="B8" s="509" t="s">
        <v>11</v>
      </c>
      <c r="C8" s="510"/>
      <c r="D8" s="510"/>
      <c r="E8" s="510"/>
      <c r="F8" s="510"/>
      <c r="G8" s="510"/>
      <c r="H8" s="511" t="s">
        <v>74</v>
      </c>
      <c r="I8" s="512"/>
      <c r="J8" s="512"/>
      <c r="K8" s="512"/>
      <c r="L8" s="512"/>
      <c r="M8" s="512"/>
      <c r="N8" s="512"/>
      <c r="O8" s="512"/>
      <c r="P8" s="512"/>
      <c r="Q8" s="512"/>
      <c r="R8" s="512"/>
      <c r="S8" s="513"/>
      <c r="T8" s="512" t="s">
        <v>75</v>
      </c>
      <c r="U8" s="512"/>
      <c r="V8" s="512"/>
      <c r="W8" s="512"/>
      <c r="X8" s="512"/>
      <c r="Y8" s="512"/>
      <c r="Z8" s="512"/>
      <c r="AA8" s="512"/>
      <c r="AB8" s="512"/>
      <c r="AC8" s="512"/>
      <c r="AD8" s="512"/>
      <c r="AE8" s="513"/>
      <c r="AF8" s="511" t="s">
        <v>98</v>
      </c>
      <c r="AG8" s="512"/>
      <c r="AH8" s="512"/>
      <c r="AI8" s="512"/>
      <c r="AJ8" s="512"/>
      <c r="AK8" s="512"/>
      <c r="AL8" s="514" t="s">
        <v>11</v>
      </c>
      <c r="AM8" s="510"/>
      <c r="AN8" s="510"/>
      <c r="AO8" s="510"/>
      <c r="AP8" s="510"/>
      <c r="AQ8" s="510"/>
      <c r="AR8" s="510"/>
      <c r="AS8" s="510"/>
      <c r="AT8" s="510"/>
      <c r="AU8" s="510"/>
      <c r="AV8" s="510"/>
      <c r="AW8" s="510"/>
      <c r="AX8" s="510"/>
      <c r="AY8" s="510"/>
      <c r="AZ8" s="510" t="s">
        <v>156</v>
      </c>
      <c r="BA8" s="510"/>
      <c r="BB8" s="510"/>
      <c r="BC8" s="510"/>
      <c r="BD8" s="510"/>
      <c r="BE8" s="510"/>
      <c r="BF8" s="510"/>
      <c r="BG8" s="510"/>
      <c r="BH8" s="510"/>
      <c r="BI8" s="510"/>
      <c r="BJ8" s="510"/>
      <c r="BK8" s="510"/>
      <c r="BL8" s="510"/>
      <c r="BM8" s="510"/>
      <c r="BN8" s="510"/>
      <c r="BO8" s="510"/>
      <c r="BP8" s="510"/>
      <c r="BQ8" s="510"/>
      <c r="BR8" s="510"/>
      <c r="BS8" s="510"/>
      <c r="BT8" s="510"/>
      <c r="BU8" s="515"/>
      <c r="BV8" s="514" t="s">
        <v>11</v>
      </c>
      <c r="BW8" s="510"/>
      <c r="BX8" s="510"/>
      <c r="BY8" s="510"/>
      <c r="BZ8" s="510"/>
      <c r="CA8" s="510"/>
      <c r="CB8" s="510"/>
      <c r="CC8" s="510"/>
      <c r="CD8" s="510"/>
      <c r="CE8" s="510"/>
      <c r="CF8" s="510"/>
      <c r="CG8" s="510"/>
      <c r="CH8" s="510"/>
      <c r="CI8" s="510"/>
      <c r="CJ8" s="510" t="s">
        <v>156</v>
      </c>
      <c r="CK8" s="510"/>
      <c r="CL8" s="510"/>
      <c r="CM8" s="510"/>
      <c r="CN8" s="510"/>
      <c r="CO8" s="510"/>
      <c r="CP8" s="510"/>
      <c r="CQ8" s="510"/>
      <c r="CR8" s="510"/>
      <c r="CS8" s="510"/>
      <c r="CT8" s="510"/>
      <c r="CU8" s="510"/>
      <c r="CV8" s="510"/>
      <c r="CW8" s="510"/>
      <c r="CX8" s="510"/>
      <c r="CY8" s="510"/>
      <c r="CZ8" s="510"/>
      <c r="DA8" s="510"/>
      <c r="DB8" s="510"/>
      <c r="DC8" s="510"/>
      <c r="DD8" s="511"/>
      <c r="DE8" s="551"/>
      <c r="DF8" s="53"/>
      <c r="DG8" s="53"/>
    </row>
    <row r="9" spans="1:111" s="2" customFormat="1" ht="45" customHeight="1" x14ac:dyDescent="0.15">
      <c r="A9" s="3"/>
      <c r="B9" s="463"/>
      <c r="C9" s="464"/>
      <c r="D9" s="464"/>
      <c r="E9" s="464"/>
      <c r="F9" s="464"/>
      <c r="G9" s="465"/>
      <c r="H9" s="461"/>
      <c r="I9" s="464"/>
      <c r="J9" s="464"/>
      <c r="K9" s="464"/>
      <c r="L9" s="464"/>
      <c r="M9" s="464"/>
      <c r="N9" s="464"/>
      <c r="O9" s="464"/>
      <c r="P9" s="464"/>
      <c r="Q9" s="464"/>
      <c r="R9" s="464"/>
      <c r="S9" s="465"/>
      <c r="T9" s="464"/>
      <c r="U9" s="464"/>
      <c r="V9" s="464"/>
      <c r="W9" s="464"/>
      <c r="X9" s="464"/>
      <c r="Y9" s="464"/>
      <c r="Z9" s="464"/>
      <c r="AA9" s="464"/>
      <c r="AB9" s="464"/>
      <c r="AC9" s="464"/>
      <c r="AD9" s="464"/>
      <c r="AE9" s="465"/>
      <c r="AF9" s="466" t="s">
        <v>163</v>
      </c>
      <c r="AG9" s="467"/>
      <c r="AH9" s="467"/>
      <c r="AI9" s="467"/>
      <c r="AJ9" s="467"/>
      <c r="AK9" s="467"/>
      <c r="AL9" s="458"/>
      <c r="AM9" s="459"/>
      <c r="AN9" s="459"/>
      <c r="AO9" s="459"/>
      <c r="AP9" s="459"/>
      <c r="AQ9" s="459"/>
      <c r="AR9" s="459"/>
      <c r="AS9" s="459"/>
      <c r="AT9" s="459"/>
      <c r="AU9" s="459"/>
      <c r="AV9" s="459"/>
      <c r="AW9" s="459"/>
      <c r="AX9" s="459"/>
      <c r="AY9" s="459"/>
      <c r="AZ9" s="459"/>
      <c r="BA9" s="459"/>
      <c r="BB9" s="459"/>
      <c r="BC9" s="459"/>
      <c r="BD9" s="459"/>
      <c r="BE9" s="459"/>
      <c r="BF9" s="459"/>
      <c r="BG9" s="459"/>
      <c r="BH9" s="459"/>
      <c r="BI9" s="459"/>
      <c r="BJ9" s="459"/>
      <c r="BK9" s="459"/>
      <c r="BL9" s="459"/>
      <c r="BM9" s="459"/>
      <c r="BN9" s="459"/>
      <c r="BO9" s="459"/>
      <c r="BP9" s="459"/>
      <c r="BQ9" s="459"/>
      <c r="BR9" s="459"/>
      <c r="BS9" s="459"/>
      <c r="BT9" s="459"/>
      <c r="BU9" s="460"/>
      <c r="BV9" s="458"/>
      <c r="BW9" s="459"/>
      <c r="BX9" s="459"/>
      <c r="BY9" s="459"/>
      <c r="BZ9" s="459"/>
      <c r="CA9" s="459"/>
      <c r="CB9" s="459"/>
      <c r="CC9" s="459"/>
      <c r="CD9" s="459"/>
      <c r="CE9" s="459"/>
      <c r="CF9" s="459"/>
      <c r="CG9" s="459"/>
      <c r="CH9" s="459"/>
      <c r="CI9" s="459"/>
      <c r="CJ9" s="459"/>
      <c r="CK9" s="459"/>
      <c r="CL9" s="459"/>
      <c r="CM9" s="459"/>
      <c r="CN9" s="459"/>
      <c r="CO9" s="459"/>
      <c r="CP9" s="459"/>
      <c r="CQ9" s="459"/>
      <c r="CR9" s="459"/>
      <c r="CS9" s="459"/>
      <c r="CT9" s="459"/>
      <c r="CU9" s="459"/>
      <c r="CV9" s="459"/>
      <c r="CW9" s="459"/>
      <c r="CX9" s="459"/>
      <c r="CY9" s="459"/>
      <c r="CZ9" s="459"/>
      <c r="DA9" s="459"/>
      <c r="DB9" s="459"/>
      <c r="DC9" s="459"/>
      <c r="DD9" s="461"/>
      <c r="DE9" s="462"/>
      <c r="DF9" s="53"/>
      <c r="DG9" s="53"/>
    </row>
    <row r="10" spans="1:111" s="2" customFormat="1" ht="22.5" customHeight="1" x14ac:dyDescent="0.15">
      <c r="A10" s="3"/>
      <c r="B10" s="425" t="s">
        <v>166</v>
      </c>
      <c r="C10" s="440"/>
      <c r="D10" s="440"/>
      <c r="E10" s="440"/>
      <c r="F10" s="440"/>
      <c r="G10" s="440"/>
      <c r="H10" s="440"/>
      <c r="I10" s="440"/>
      <c r="J10" s="440"/>
      <c r="K10" s="440"/>
      <c r="L10" s="440"/>
      <c r="M10" s="440"/>
      <c r="N10" s="440"/>
      <c r="O10" s="441"/>
      <c r="P10" s="468" t="s">
        <v>134</v>
      </c>
      <c r="Q10" s="469"/>
      <c r="R10" s="470"/>
      <c r="S10" s="471" t="s">
        <v>167</v>
      </c>
      <c r="T10" s="472"/>
      <c r="U10" s="472"/>
      <c r="V10" s="472"/>
      <c r="W10" s="472"/>
      <c r="X10" s="472"/>
      <c r="Y10" s="472"/>
      <c r="Z10" s="472"/>
      <c r="AA10" s="472"/>
      <c r="AB10" s="472"/>
      <c r="AC10" s="472"/>
      <c r="AD10" s="472"/>
      <c r="AE10" s="472"/>
      <c r="AF10" s="472"/>
      <c r="AG10" s="472"/>
      <c r="AH10" s="472"/>
      <c r="AI10" s="472"/>
      <c r="AJ10" s="472"/>
      <c r="AK10" s="473"/>
      <c r="AL10" s="474" t="s">
        <v>194</v>
      </c>
      <c r="AM10" s="469"/>
      <c r="AN10" s="469"/>
      <c r="AO10" s="470"/>
      <c r="AP10" s="440"/>
      <c r="AQ10" s="440"/>
      <c r="AR10" s="440"/>
      <c r="AS10" s="440"/>
      <c r="AT10" s="440"/>
      <c r="AU10" s="440"/>
      <c r="AV10" s="440"/>
      <c r="AW10" s="440"/>
      <c r="AX10" s="440"/>
      <c r="AY10" s="440"/>
      <c r="AZ10" s="468" t="s">
        <v>134</v>
      </c>
      <c r="BA10" s="469"/>
      <c r="BB10" s="470"/>
      <c r="BC10" s="471" t="s">
        <v>167</v>
      </c>
      <c r="BD10" s="472"/>
      <c r="BE10" s="472"/>
      <c r="BF10" s="472"/>
      <c r="BG10" s="472"/>
      <c r="BH10" s="472"/>
      <c r="BI10" s="472"/>
      <c r="BJ10" s="472"/>
      <c r="BK10" s="472"/>
      <c r="BL10" s="472"/>
      <c r="BM10" s="472"/>
      <c r="BN10" s="472"/>
      <c r="BO10" s="472"/>
      <c r="BP10" s="472"/>
      <c r="BQ10" s="472"/>
      <c r="BR10" s="472"/>
      <c r="BS10" s="472"/>
      <c r="BT10" s="472"/>
      <c r="BU10" s="473"/>
      <c r="BV10" s="474" t="s">
        <v>177</v>
      </c>
      <c r="BW10" s="469"/>
      <c r="BX10" s="469"/>
      <c r="BY10" s="470"/>
      <c r="BZ10" s="440"/>
      <c r="CA10" s="440"/>
      <c r="CB10" s="440"/>
      <c r="CC10" s="440"/>
      <c r="CD10" s="440"/>
      <c r="CE10" s="440"/>
      <c r="CF10" s="440"/>
      <c r="CG10" s="440"/>
      <c r="CH10" s="440"/>
      <c r="CI10" s="440"/>
      <c r="CJ10" s="468" t="s">
        <v>134</v>
      </c>
      <c r="CK10" s="469"/>
      <c r="CL10" s="470"/>
      <c r="CM10" s="471" t="s">
        <v>167</v>
      </c>
      <c r="CN10" s="472"/>
      <c r="CO10" s="472"/>
      <c r="CP10" s="472"/>
      <c r="CQ10" s="472"/>
      <c r="CR10" s="472"/>
      <c r="CS10" s="472"/>
      <c r="CT10" s="472"/>
      <c r="CU10" s="472"/>
      <c r="CV10" s="472"/>
      <c r="CW10" s="472"/>
      <c r="CX10" s="472"/>
      <c r="CY10" s="472"/>
      <c r="CZ10" s="472"/>
      <c r="DA10" s="472"/>
      <c r="DB10" s="472"/>
      <c r="DC10" s="472"/>
      <c r="DD10" s="472"/>
      <c r="DE10" s="533"/>
      <c r="DF10" s="53"/>
      <c r="DG10" s="53"/>
    </row>
    <row r="11" spans="1:111" s="2" customFormat="1" ht="22.5" customHeight="1" thickBot="1" x14ac:dyDescent="0.2">
      <c r="A11" s="3"/>
      <c r="B11" s="426"/>
      <c r="C11" s="444"/>
      <c r="D11" s="444"/>
      <c r="E11" s="444"/>
      <c r="F11" s="444"/>
      <c r="G11" s="444"/>
      <c r="H11" s="444"/>
      <c r="I11" s="444"/>
      <c r="J11" s="444"/>
      <c r="K11" s="444"/>
      <c r="L11" s="444"/>
      <c r="M11" s="444"/>
      <c r="N11" s="444"/>
      <c r="O11" s="445"/>
      <c r="P11" s="395"/>
      <c r="Q11" s="396"/>
      <c r="R11" s="397"/>
      <c r="S11" s="413" t="s">
        <v>168</v>
      </c>
      <c r="T11" s="414"/>
      <c r="U11" s="414"/>
      <c r="V11" s="414"/>
      <c r="W11" s="414"/>
      <c r="X11" s="414"/>
      <c r="Y11" s="414"/>
      <c r="Z11" s="414"/>
      <c r="AA11" s="414"/>
      <c r="AB11" s="414"/>
      <c r="AC11" s="414"/>
      <c r="AD11" s="414"/>
      <c r="AE11" s="414"/>
      <c r="AF11" s="414"/>
      <c r="AG11" s="414"/>
      <c r="AH11" s="414"/>
      <c r="AI11" s="414"/>
      <c r="AJ11" s="414"/>
      <c r="AK11" s="415"/>
      <c r="AL11" s="475"/>
      <c r="AM11" s="396"/>
      <c r="AN11" s="396"/>
      <c r="AO11" s="397"/>
      <c r="AP11" s="444"/>
      <c r="AQ11" s="444"/>
      <c r="AR11" s="444"/>
      <c r="AS11" s="444"/>
      <c r="AT11" s="444"/>
      <c r="AU11" s="444"/>
      <c r="AV11" s="444"/>
      <c r="AW11" s="444"/>
      <c r="AX11" s="444"/>
      <c r="AY11" s="444"/>
      <c r="AZ11" s="395"/>
      <c r="BA11" s="396"/>
      <c r="BB11" s="397"/>
      <c r="BC11" s="413" t="s">
        <v>168</v>
      </c>
      <c r="BD11" s="414"/>
      <c r="BE11" s="414"/>
      <c r="BF11" s="414"/>
      <c r="BG11" s="414"/>
      <c r="BH11" s="414"/>
      <c r="BI11" s="414"/>
      <c r="BJ11" s="414"/>
      <c r="BK11" s="414"/>
      <c r="BL11" s="414"/>
      <c r="BM11" s="414"/>
      <c r="BN11" s="414"/>
      <c r="BO11" s="414"/>
      <c r="BP11" s="414"/>
      <c r="BQ11" s="414"/>
      <c r="BR11" s="414"/>
      <c r="BS11" s="414"/>
      <c r="BT11" s="414"/>
      <c r="BU11" s="415"/>
      <c r="BV11" s="475"/>
      <c r="BW11" s="396"/>
      <c r="BX11" s="396"/>
      <c r="BY11" s="397"/>
      <c r="BZ11" s="444"/>
      <c r="CA11" s="444"/>
      <c r="CB11" s="444"/>
      <c r="CC11" s="444"/>
      <c r="CD11" s="444"/>
      <c r="CE11" s="444"/>
      <c r="CF11" s="444"/>
      <c r="CG11" s="444"/>
      <c r="CH11" s="444"/>
      <c r="CI11" s="444"/>
      <c r="CJ11" s="395"/>
      <c r="CK11" s="396"/>
      <c r="CL11" s="397"/>
      <c r="CM11" s="413" t="s">
        <v>168</v>
      </c>
      <c r="CN11" s="414"/>
      <c r="CO11" s="414"/>
      <c r="CP11" s="414"/>
      <c r="CQ11" s="414"/>
      <c r="CR11" s="414"/>
      <c r="CS11" s="414"/>
      <c r="CT11" s="414"/>
      <c r="CU11" s="414"/>
      <c r="CV11" s="414"/>
      <c r="CW11" s="414"/>
      <c r="CX11" s="414"/>
      <c r="CY11" s="414"/>
      <c r="CZ11" s="414"/>
      <c r="DA11" s="414"/>
      <c r="DB11" s="414"/>
      <c r="DC11" s="414"/>
      <c r="DD11" s="414"/>
      <c r="DE11" s="534"/>
      <c r="DF11" s="53"/>
      <c r="DG11" s="53"/>
    </row>
    <row r="12" spans="1:111" s="2" customFormat="1" ht="7.5" customHeight="1" x14ac:dyDescent="0.15">
      <c r="A12" s="3"/>
      <c r="B12" s="377" t="s">
        <v>100</v>
      </c>
      <c r="C12" s="351"/>
      <c r="D12" s="352"/>
      <c r="E12" s="382" t="s">
        <v>157</v>
      </c>
      <c r="F12" s="383"/>
      <c r="G12" s="383"/>
      <c r="H12" s="384"/>
      <c r="I12" s="391" t="s">
        <v>99</v>
      </c>
      <c r="J12" s="336"/>
      <c r="K12" s="336"/>
      <c r="L12" s="336"/>
      <c r="M12" s="392"/>
      <c r="N12" s="398" t="s">
        <v>158</v>
      </c>
      <c r="O12" s="399"/>
      <c r="P12" s="399"/>
      <c r="Q12" s="399"/>
      <c r="R12" s="399"/>
      <c r="S12" s="399"/>
      <c r="T12" s="399"/>
      <c r="U12" s="399"/>
      <c r="V12" s="399"/>
      <c r="W12" s="399"/>
      <c r="X12" s="399"/>
      <c r="Y12" s="399"/>
      <c r="Z12" s="399"/>
      <c r="AA12" s="399"/>
      <c r="AB12" s="400"/>
      <c r="AC12" s="350" t="s">
        <v>19</v>
      </c>
      <c r="AD12" s="351"/>
      <c r="AE12" s="351"/>
      <c r="AF12" s="351"/>
      <c r="AG12" s="351"/>
      <c r="AH12" s="351"/>
      <c r="AI12" s="351"/>
      <c r="AJ12" s="352"/>
      <c r="AK12" s="398" t="s">
        <v>159</v>
      </c>
      <c r="AL12" s="399"/>
      <c r="AM12" s="399"/>
      <c r="AN12" s="399"/>
      <c r="AO12" s="399"/>
      <c r="AP12" s="399"/>
      <c r="AQ12" s="399"/>
      <c r="AR12" s="399"/>
      <c r="AS12" s="399"/>
      <c r="AT12" s="399"/>
      <c r="AU12" s="399"/>
      <c r="AV12" s="399"/>
      <c r="AW12" s="399"/>
      <c r="AX12" s="399"/>
      <c r="AY12" s="400"/>
      <c r="AZ12" s="350" t="s">
        <v>20</v>
      </c>
      <c r="BA12" s="351"/>
      <c r="BB12" s="351"/>
      <c r="BC12" s="351"/>
      <c r="BD12" s="351"/>
      <c r="BE12" s="352"/>
      <c r="BF12" s="391" t="s">
        <v>84</v>
      </c>
      <c r="BG12" s="336"/>
      <c r="BH12" s="336"/>
      <c r="BI12" s="336"/>
      <c r="BJ12" s="336"/>
      <c r="BK12" s="336"/>
      <c r="BL12" s="392"/>
      <c r="BM12" s="350" t="s">
        <v>18</v>
      </c>
      <c r="BN12" s="351"/>
      <c r="BO12" s="351"/>
      <c r="BP12" s="351"/>
      <c r="BQ12" s="351"/>
      <c r="BR12" s="351"/>
      <c r="BS12" s="351"/>
      <c r="BT12" s="351"/>
      <c r="BU12" s="351"/>
      <c r="BV12" s="351"/>
      <c r="BW12" s="351"/>
      <c r="BX12" s="351"/>
      <c r="BY12" s="351"/>
      <c r="BZ12" s="352"/>
      <c r="CA12" s="350" t="s">
        <v>160</v>
      </c>
      <c r="CB12" s="351"/>
      <c r="CC12" s="351"/>
      <c r="CD12" s="351"/>
      <c r="CE12" s="351"/>
      <c r="CF12" s="351"/>
      <c r="CG12" s="351"/>
      <c r="CH12" s="351"/>
      <c r="CI12" s="352"/>
      <c r="CJ12" s="552"/>
      <c r="CK12" s="553"/>
      <c r="CL12" s="553"/>
      <c r="CM12" s="553"/>
      <c r="CN12" s="553"/>
      <c r="CO12" s="553"/>
      <c r="CP12" s="553"/>
      <c r="CQ12" s="553"/>
      <c r="CR12" s="553"/>
      <c r="CS12" s="553"/>
      <c r="CT12" s="553"/>
      <c r="CU12" s="553"/>
      <c r="CV12" s="553"/>
      <c r="CW12" s="553"/>
      <c r="CX12" s="553"/>
      <c r="CY12" s="553"/>
      <c r="CZ12" s="553"/>
      <c r="DA12" s="535" t="s">
        <v>137</v>
      </c>
      <c r="DB12" s="536"/>
      <c r="DC12" s="536"/>
      <c r="DD12" s="536"/>
      <c r="DE12" s="537"/>
      <c r="DF12" s="53"/>
    </row>
    <row r="13" spans="1:111" s="2" customFormat="1" ht="7.5" customHeight="1" x14ac:dyDescent="0.15">
      <c r="A13" s="3"/>
      <c r="B13" s="378"/>
      <c r="C13" s="354"/>
      <c r="D13" s="355"/>
      <c r="E13" s="385"/>
      <c r="F13" s="386"/>
      <c r="G13" s="386"/>
      <c r="H13" s="387"/>
      <c r="I13" s="393"/>
      <c r="J13" s="338"/>
      <c r="K13" s="338"/>
      <c r="L13" s="338"/>
      <c r="M13" s="394"/>
      <c r="N13" s="401"/>
      <c r="O13" s="402"/>
      <c r="P13" s="402"/>
      <c r="Q13" s="402"/>
      <c r="R13" s="402"/>
      <c r="S13" s="402"/>
      <c r="T13" s="402"/>
      <c r="U13" s="402"/>
      <c r="V13" s="402"/>
      <c r="W13" s="402"/>
      <c r="X13" s="402"/>
      <c r="Y13" s="402"/>
      <c r="Z13" s="402"/>
      <c r="AA13" s="402"/>
      <c r="AB13" s="403"/>
      <c r="AC13" s="353"/>
      <c r="AD13" s="354"/>
      <c r="AE13" s="354"/>
      <c r="AF13" s="354"/>
      <c r="AG13" s="354"/>
      <c r="AH13" s="354"/>
      <c r="AI13" s="354"/>
      <c r="AJ13" s="355"/>
      <c r="AK13" s="401"/>
      <c r="AL13" s="402"/>
      <c r="AM13" s="402"/>
      <c r="AN13" s="402"/>
      <c r="AO13" s="402"/>
      <c r="AP13" s="402"/>
      <c r="AQ13" s="402"/>
      <c r="AR13" s="402"/>
      <c r="AS13" s="402"/>
      <c r="AT13" s="402"/>
      <c r="AU13" s="402"/>
      <c r="AV13" s="402"/>
      <c r="AW13" s="402"/>
      <c r="AX13" s="402"/>
      <c r="AY13" s="403"/>
      <c r="AZ13" s="353"/>
      <c r="BA13" s="354"/>
      <c r="BB13" s="354"/>
      <c r="BC13" s="354"/>
      <c r="BD13" s="354"/>
      <c r="BE13" s="355"/>
      <c r="BF13" s="393"/>
      <c r="BG13" s="338"/>
      <c r="BH13" s="338"/>
      <c r="BI13" s="338"/>
      <c r="BJ13" s="338"/>
      <c r="BK13" s="338"/>
      <c r="BL13" s="394"/>
      <c r="BM13" s="353"/>
      <c r="BN13" s="354"/>
      <c r="BO13" s="354"/>
      <c r="BP13" s="354"/>
      <c r="BQ13" s="354"/>
      <c r="BR13" s="354"/>
      <c r="BS13" s="354"/>
      <c r="BT13" s="354"/>
      <c r="BU13" s="354"/>
      <c r="BV13" s="354"/>
      <c r="BW13" s="354"/>
      <c r="BX13" s="354"/>
      <c r="BY13" s="354"/>
      <c r="BZ13" s="355"/>
      <c r="CA13" s="353"/>
      <c r="CB13" s="354"/>
      <c r="CC13" s="354"/>
      <c r="CD13" s="354"/>
      <c r="CE13" s="354"/>
      <c r="CF13" s="354"/>
      <c r="CG13" s="354"/>
      <c r="CH13" s="354"/>
      <c r="CI13" s="355"/>
      <c r="CJ13" s="526"/>
      <c r="CK13" s="527"/>
      <c r="CL13" s="527"/>
      <c r="CM13" s="527"/>
      <c r="CN13" s="527"/>
      <c r="CO13" s="527"/>
      <c r="CP13" s="527"/>
      <c r="CQ13" s="527"/>
      <c r="CR13" s="527"/>
      <c r="CS13" s="527"/>
      <c r="CT13" s="527"/>
      <c r="CU13" s="527"/>
      <c r="CV13" s="527"/>
      <c r="CW13" s="527"/>
      <c r="CX13" s="527"/>
      <c r="CY13" s="527"/>
      <c r="CZ13" s="527"/>
      <c r="DA13" s="538"/>
      <c r="DB13" s="539"/>
      <c r="DC13" s="539"/>
      <c r="DD13" s="539"/>
      <c r="DE13" s="540"/>
      <c r="DF13" s="53"/>
    </row>
    <row r="14" spans="1:111" s="2" customFormat="1" ht="7.5" customHeight="1" x14ac:dyDescent="0.15">
      <c r="A14" s="3"/>
      <c r="B14" s="379"/>
      <c r="C14" s="380"/>
      <c r="D14" s="381"/>
      <c r="E14" s="385"/>
      <c r="F14" s="386"/>
      <c r="G14" s="386"/>
      <c r="H14" s="387"/>
      <c r="I14" s="393"/>
      <c r="J14" s="338"/>
      <c r="K14" s="338"/>
      <c r="L14" s="338"/>
      <c r="M14" s="394"/>
      <c r="N14" s="401"/>
      <c r="O14" s="402"/>
      <c r="P14" s="402"/>
      <c r="Q14" s="402"/>
      <c r="R14" s="402"/>
      <c r="S14" s="402"/>
      <c r="T14" s="402"/>
      <c r="U14" s="402"/>
      <c r="V14" s="402"/>
      <c r="W14" s="402"/>
      <c r="X14" s="402"/>
      <c r="Y14" s="402"/>
      <c r="Z14" s="402"/>
      <c r="AA14" s="402"/>
      <c r="AB14" s="403"/>
      <c r="AC14" s="433"/>
      <c r="AD14" s="380"/>
      <c r="AE14" s="380"/>
      <c r="AF14" s="380"/>
      <c r="AG14" s="380"/>
      <c r="AH14" s="380"/>
      <c r="AI14" s="380"/>
      <c r="AJ14" s="381"/>
      <c r="AK14" s="401"/>
      <c r="AL14" s="402"/>
      <c r="AM14" s="402"/>
      <c r="AN14" s="402"/>
      <c r="AO14" s="402"/>
      <c r="AP14" s="402"/>
      <c r="AQ14" s="402"/>
      <c r="AR14" s="402"/>
      <c r="AS14" s="402"/>
      <c r="AT14" s="402"/>
      <c r="AU14" s="402"/>
      <c r="AV14" s="402"/>
      <c r="AW14" s="402"/>
      <c r="AX14" s="402"/>
      <c r="AY14" s="403"/>
      <c r="AZ14" s="433"/>
      <c r="BA14" s="380"/>
      <c r="BB14" s="380"/>
      <c r="BC14" s="380"/>
      <c r="BD14" s="380"/>
      <c r="BE14" s="381"/>
      <c r="BF14" s="437"/>
      <c r="BG14" s="438"/>
      <c r="BH14" s="438"/>
      <c r="BI14" s="438"/>
      <c r="BJ14" s="438"/>
      <c r="BK14" s="438"/>
      <c r="BL14" s="439"/>
      <c r="BM14" s="433"/>
      <c r="BN14" s="380"/>
      <c r="BO14" s="380"/>
      <c r="BP14" s="380"/>
      <c r="BQ14" s="380"/>
      <c r="BR14" s="380"/>
      <c r="BS14" s="380"/>
      <c r="BT14" s="380"/>
      <c r="BU14" s="380"/>
      <c r="BV14" s="380"/>
      <c r="BW14" s="380"/>
      <c r="BX14" s="380"/>
      <c r="BY14" s="380"/>
      <c r="BZ14" s="381"/>
      <c r="CA14" s="433"/>
      <c r="CB14" s="380"/>
      <c r="CC14" s="380"/>
      <c r="CD14" s="380"/>
      <c r="CE14" s="380"/>
      <c r="CF14" s="380"/>
      <c r="CG14" s="380"/>
      <c r="CH14" s="380"/>
      <c r="CI14" s="381"/>
      <c r="CJ14" s="554"/>
      <c r="CK14" s="555"/>
      <c r="CL14" s="555"/>
      <c r="CM14" s="555"/>
      <c r="CN14" s="555"/>
      <c r="CO14" s="555"/>
      <c r="CP14" s="555"/>
      <c r="CQ14" s="555"/>
      <c r="CR14" s="555"/>
      <c r="CS14" s="555"/>
      <c r="CT14" s="555"/>
      <c r="CU14" s="555"/>
      <c r="CV14" s="555"/>
      <c r="CW14" s="555"/>
      <c r="CX14" s="555"/>
      <c r="CY14" s="555"/>
      <c r="CZ14" s="555"/>
      <c r="DA14" s="538"/>
      <c r="DB14" s="539"/>
      <c r="DC14" s="539"/>
      <c r="DD14" s="539"/>
      <c r="DE14" s="540"/>
      <c r="DF14" s="53"/>
    </row>
    <row r="15" spans="1:111" s="2" customFormat="1" ht="7.5" customHeight="1" x14ac:dyDescent="0.15">
      <c r="A15" s="3"/>
      <c r="B15" s="407" t="s">
        <v>169</v>
      </c>
      <c r="C15" s="408"/>
      <c r="D15" s="409"/>
      <c r="E15" s="385"/>
      <c r="F15" s="386"/>
      <c r="G15" s="386"/>
      <c r="H15" s="387"/>
      <c r="I15" s="393"/>
      <c r="J15" s="338"/>
      <c r="K15" s="338"/>
      <c r="L15" s="338"/>
      <c r="M15" s="394"/>
      <c r="N15" s="401"/>
      <c r="O15" s="402"/>
      <c r="P15" s="402"/>
      <c r="Q15" s="402"/>
      <c r="R15" s="402"/>
      <c r="S15" s="402"/>
      <c r="T15" s="402"/>
      <c r="U15" s="402"/>
      <c r="V15" s="402"/>
      <c r="W15" s="402"/>
      <c r="X15" s="402"/>
      <c r="Y15" s="402"/>
      <c r="Z15" s="402"/>
      <c r="AA15" s="402"/>
      <c r="AB15" s="403"/>
      <c r="AC15" s="430"/>
      <c r="AD15" s="427"/>
      <c r="AE15" s="427"/>
      <c r="AF15" s="427"/>
      <c r="AG15" s="427"/>
      <c r="AH15" s="427"/>
      <c r="AI15" s="427"/>
      <c r="AJ15" s="446"/>
      <c r="AK15" s="401"/>
      <c r="AL15" s="402"/>
      <c r="AM15" s="402"/>
      <c r="AN15" s="402"/>
      <c r="AO15" s="402"/>
      <c r="AP15" s="402"/>
      <c r="AQ15" s="402"/>
      <c r="AR15" s="402"/>
      <c r="AS15" s="402"/>
      <c r="AT15" s="402"/>
      <c r="AU15" s="402"/>
      <c r="AV15" s="402"/>
      <c r="AW15" s="402"/>
      <c r="AX15" s="402"/>
      <c r="AY15" s="403"/>
      <c r="AZ15" s="449"/>
      <c r="BA15" s="440"/>
      <c r="BB15" s="452"/>
      <c r="BC15" s="453"/>
      <c r="BD15" s="440"/>
      <c r="BE15" s="441"/>
      <c r="BF15" s="416" t="s">
        <v>161</v>
      </c>
      <c r="BG15" s="417"/>
      <c r="BH15" s="417"/>
      <c r="BI15" s="417"/>
      <c r="BJ15" s="417"/>
      <c r="BK15" s="417"/>
      <c r="BL15" s="418"/>
      <c r="BM15" s="430"/>
      <c r="BN15" s="427"/>
      <c r="BO15" s="427"/>
      <c r="BP15" s="427"/>
      <c r="BQ15" s="427"/>
      <c r="BR15" s="427"/>
      <c r="BS15" s="427"/>
      <c r="BT15" s="427"/>
      <c r="BU15" s="427"/>
      <c r="BV15" s="427"/>
      <c r="BW15" s="427"/>
      <c r="BX15" s="427"/>
      <c r="BY15" s="427"/>
      <c r="BZ15" s="446"/>
      <c r="CA15" s="544" t="s">
        <v>21</v>
      </c>
      <c r="CB15" s="545"/>
      <c r="CC15" s="545"/>
      <c r="CD15" s="545"/>
      <c r="CE15" s="545"/>
      <c r="CF15" s="545"/>
      <c r="CG15" s="545"/>
      <c r="CH15" s="545"/>
      <c r="CI15" s="546"/>
      <c r="CJ15" s="524"/>
      <c r="CK15" s="525"/>
      <c r="CL15" s="525"/>
      <c r="CM15" s="525"/>
      <c r="CN15" s="525"/>
      <c r="CO15" s="525"/>
      <c r="CP15" s="525"/>
      <c r="CQ15" s="525"/>
      <c r="CR15" s="525"/>
      <c r="CS15" s="525"/>
      <c r="CT15" s="525"/>
      <c r="CU15" s="525"/>
      <c r="CV15" s="525"/>
      <c r="CW15" s="525"/>
      <c r="CX15" s="525"/>
      <c r="CY15" s="525"/>
      <c r="CZ15" s="525"/>
      <c r="DA15" s="538"/>
      <c r="DB15" s="539"/>
      <c r="DC15" s="539"/>
      <c r="DD15" s="539"/>
      <c r="DE15" s="540"/>
      <c r="DF15" s="53"/>
    </row>
    <row r="16" spans="1:111" s="2" customFormat="1" ht="7.5" customHeight="1" x14ac:dyDescent="0.15">
      <c r="A16" s="3"/>
      <c r="B16" s="407"/>
      <c r="C16" s="408"/>
      <c r="D16" s="409"/>
      <c r="E16" s="388"/>
      <c r="F16" s="389"/>
      <c r="G16" s="389"/>
      <c r="H16" s="390"/>
      <c r="I16" s="393"/>
      <c r="J16" s="338"/>
      <c r="K16" s="338"/>
      <c r="L16" s="338"/>
      <c r="M16" s="394"/>
      <c r="N16" s="401"/>
      <c r="O16" s="402"/>
      <c r="P16" s="402"/>
      <c r="Q16" s="402"/>
      <c r="R16" s="402"/>
      <c r="S16" s="402"/>
      <c r="T16" s="402"/>
      <c r="U16" s="402"/>
      <c r="V16" s="402"/>
      <c r="W16" s="402"/>
      <c r="X16" s="402"/>
      <c r="Y16" s="402"/>
      <c r="Z16" s="402"/>
      <c r="AA16" s="402"/>
      <c r="AB16" s="403"/>
      <c r="AC16" s="431"/>
      <c r="AD16" s="428"/>
      <c r="AE16" s="428"/>
      <c r="AF16" s="428"/>
      <c r="AG16" s="428"/>
      <c r="AH16" s="428"/>
      <c r="AI16" s="428"/>
      <c r="AJ16" s="447"/>
      <c r="AK16" s="401"/>
      <c r="AL16" s="402"/>
      <c r="AM16" s="402"/>
      <c r="AN16" s="402"/>
      <c r="AO16" s="402"/>
      <c r="AP16" s="402"/>
      <c r="AQ16" s="402"/>
      <c r="AR16" s="402"/>
      <c r="AS16" s="402"/>
      <c r="AT16" s="402"/>
      <c r="AU16" s="402"/>
      <c r="AV16" s="402"/>
      <c r="AW16" s="402"/>
      <c r="AX16" s="402"/>
      <c r="AY16" s="403"/>
      <c r="AZ16" s="450"/>
      <c r="BA16" s="442"/>
      <c r="BB16" s="454"/>
      <c r="BC16" s="455"/>
      <c r="BD16" s="442"/>
      <c r="BE16" s="443"/>
      <c r="BF16" s="419"/>
      <c r="BG16" s="420"/>
      <c r="BH16" s="420"/>
      <c r="BI16" s="420"/>
      <c r="BJ16" s="420"/>
      <c r="BK16" s="420"/>
      <c r="BL16" s="421"/>
      <c r="BM16" s="431"/>
      <c r="BN16" s="428"/>
      <c r="BO16" s="428"/>
      <c r="BP16" s="428"/>
      <c r="BQ16" s="428"/>
      <c r="BR16" s="428"/>
      <c r="BS16" s="428"/>
      <c r="BT16" s="428"/>
      <c r="BU16" s="428"/>
      <c r="BV16" s="428"/>
      <c r="BW16" s="428"/>
      <c r="BX16" s="428"/>
      <c r="BY16" s="428"/>
      <c r="BZ16" s="447"/>
      <c r="CA16" s="353"/>
      <c r="CB16" s="354"/>
      <c r="CC16" s="354"/>
      <c r="CD16" s="354"/>
      <c r="CE16" s="354"/>
      <c r="CF16" s="354"/>
      <c r="CG16" s="354"/>
      <c r="CH16" s="354"/>
      <c r="CI16" s="355"/>
      <c r="CJ16" s="526"/>
      <c r="CK16" s="527"/>
      <c r="CL16" s="527"/>
      <c r="CM16" s="527"/>
      <c r="CN16" s="527"/>
      <c r="CO16" s="527"/>
      <c r="CP16" s="527"/>
      <c r="CQ16" s="527"/>
      <c r="CR16" s="527"/>
      <c r="CS16" s="527"/>
      <c r="CT16" s="527"/>
      <c r="CU16" s="527"/>
      <c r="CV16" s="527"/>
      <c r="CW16" s="527"/>
      <c r="CX16" s="527"/>
      <c r="CY16" s="527"/>
      <c r="CZ16" s="527"/>
      <c r="DA16" s="541"/>
      <c r="DB16" s="542"/>
      <c r="DC16" s="542"/>
      <c r="DD16" s="542"/>
      <c r="DE16" s="543"/>
      <c r="DF16" s="53"/>
    </row>
    <row r="17" spans="1:111" s="2" customFormat="1" ht="46.5" customHeight="1" thickBot="1" x14ac:dyDescent="0.2">
      <c r="A17" s="3"/>
      <c r="B17" s="410"/>
      <c r="C17" s="411"/>
      <c r="D17" s="412"/>
      <c r="E17" s="434" t="s">
        <v>162</v>
      </c>
      <c r="F17" s="435"/>
      <c r="G17" s="435"/>
      <c r="H17" s="436"/>
      <c r="I17" s="395"/>
      <c r="J17" s="396"/>
      <c r="K17" s="396"/>
      <c r="L17" s="396"/>
      <c r="M17" s="397"/>
      <c r="N17" s="404"/>
      <c r="O17" s="405"/>
      <c r="P17" s="405"/>
      <c r="Q17" s="405"/>
      <c r="R17" s="405"/>
      <c r="S17" s="405"/>
      <c r="T17" s="405"/>
      <c r="U17" s="405"/>
      <c r="V17" s="405"/>
      <c r="W17" s="405"/>
      <c r="X17" s="405"/>
      <c r="Y17" s="405"/>
      <c r="Z17" s="405"/>
      <c r="AA17" s="405"/>
      <c r="AB17" s="406"/>
      <c r="AC17" s="432"/>
      <c r="AD17" s="429"/>
      <c r="AE17" s="429"/>
      <c r="AF17" s="429"/>
      <c r="AG17" s="429"/>
      <c r="AH17" s="429"/>
      <c r="AI17" s="429"/>
      <c r="AJ17" s="448"/>
      <c r="AK17" s="404"/>
      <c r="AL17" s="405"/>
      <c r="AM17" s="405"/>
      <c r="AN17" s="405"/>
      <c r="AO17" s="405"/>
      <c r="AP17" s="405"/>
      <c r="AQ17" s="405"/>
      <c r="AR17" s="405"/>
      <c r="AS17" s="405"/>
      <c r="AT17" s="405"/>
      <c r="AU17" s="405"/>
      <c r="AV17" s="405"/>
      <c r="AW17" s="405"/>
      <c r="AX17" s="405"/>
      <c r="AY17" s="406"/>
      <c r="AZ17" s="451"/>
      <c r="BA17" s="444"/>
      <c r="BB17" s="456"/>
      <c r="BC17" s="457"/>
      <c r="BD17" s="444"/>
      <c r="BE17" s="445"/>
      <c r="BF17" s="422"/>
      <c r="BG17" s="423"/>
      <c r="BH17" s="423"/>
      <c r="BI17" s="423"/>
      <c r="BJ17" s="423"/>
      <c r="BK17" s="423"/>
      <c r="BL17" s="424"/>
      <c r="BM17" s="432"/>
      <c r="BN17" s="429"/>
      <c r="BO17" s="429"/>
      <c r="BP17" s="429"/>
      <c r="BQ17" s="429"/>
      <c r="BR17" s="429"/>
      <c r="BS17" s="429"/>
      <c r="BT17" s="429"/>
      <c r="BU17" s="429"/>
      <c r="BV17" s="429"/>
      <c r="BW17" s="429"/>
      <c r="BX17" s="429"/>
      <c r="BY17" s="429"/>
      <c r="BZ17" s="448"/>
      <c r="CA17" s="547"/>
      <c r="CB17" s="485"/>
      <c r="CC17" s="485"/>
      <c r="CD17" s="485"/>
      <c r="CE17" s="485"/>
      <c r="CF17" s="485"/>
      <c r="CG17" s="485"/>
      <c r="CH17" s="485"/>
      <c r="CI17" s="486"/>
      <c r="CJ17" s="528"/>
      <c r="CK17" s="529"/>
      <c r="CL17" s="529"/>
      <c r="CM17" s="529"/>
      <c r="CN17" s="529"/>
      <c r="CO17" s="529"/>
      <c r="CP17" s="529"/>
      <c r="CQ17" s="529"/>
      <c r="CR17" s="529"/>
      <c r="CS17" s="529"/>
      <c r="CT17" s="529"/>
      <c r="CU17" s="529"/>
      <c r="CV17" s="529"/>
      <c r="CW17" s="529"/>
      <c r="CX17" s="529"/>
      <c r="CY17" s="529"/>
      <c r="CZ17" s="529"/>
      <c r="DA17" s="548"/>
      <c r="DB17" s="549"/>
      <c r="DC17" s="549"/>
      <c r="DD17" s="549"/>
      <c r="DE17" s="550"/>
      <c r="DF17" s="53"/>
    </row>
    <row r="18" spans="1:111" s="53" customFormat="1" ht="27" customHeight="1" x14ac:dyDescent="0.15">
      <c r="A18" s="146"/>
      <c r="B18" s="335" t="s">
        <v>180</v>
      </c>
      <c r="C18" s="336"/>
      <c r="D18" s="143"/>
      <c r="E18" s="341" t="s">
        <v>181</v>
      </c>
      <c r="F18" s="342"/>
      <c r="G18" s="342"/>
      <c r="H18" s="342"/>
      <c r="I18" s="342"/>
      <c r="J18" s="342"/>
      <c r="K18" s="342"/>
      <c r="L18" s="342"/>
      <c r="M18" s="342"/>
      <c r="N18" s="342"/>
      <c r="O18" s="343"/>
      <c r="P18" s="344" t="s">
        <v>105</v>
      </c>
      <c r="Q18" s="345"/>
      <c r="R18" s="345"/>
      <c r="S18" s="345"/>
      <c r="T18" s="345"/>
      <c r="U18" s="345"/>
      <c r="V18" s="345"/>
      <c r="W18" s="345"/>
      <c r="X18" s="345"/>
      <c r="Y18" s="345"/>
      <c r="Z18" s="345"/>
      <c r="AA18" s="345"/>
      <c r="AB18" s="345"/>
      <c r="AC18" s="345"/>
      <c r="AD18" s="345"/>
      <c r="AE18" s="345"/>
      <c r="AF18" s="345"/>
      <c r="AG18" s="345"/>
      <c r="AH18" s="345"/>
      <c r="AI18" s="346"/>
      <c r="AJ18" s="347" t="s">
        <v>170</v>
      </c>
      <c r="AK18" s="348"/>
      <c r="AL18" s="348"/>
      <c r="AM18" s="348"/>
      <c r="AN18" s="348"/>
      <c r="AO18" s="348"/>
      <c r="AP18" s="348"/>
      <c r="AQ18" s="348"/>
      <c r="AR18" s="348"/>
      <c r="AS18" s="348"/>
      <c r="AT18" s="348"/>
      <c r="AU18" s="348"/>
      <c r="AV18" s="348"/>
      <c r="AW18" s="348"/>
      <c r="AX18" s="348"/>
      <c r="AY18" s="349"/>
      <c r="AZ18" s="350" t="s">
        <v>171</v>
      </c>
      <c r="BA18" s="351"/>
      <c r="BB18" s="351"/>
      <c r="BC18" s="351"/>
      <c r="BD18" s="351"/>
      <c r="BE18" s="352"/>
      <c r="BF18" s="359"/>
      <c r="BG18" s="360"/>
      <c r="BH18" s="360"/>
      <c r="BI18" s="360"/>
      <c r="BJ18" s="360"/>
      <c r="BK18" s="360"/>
      <c r="BL18" s="360"/>
      <c r="BM18" s="360"/>
      <c r="BN18" s="360"/>
      <c r="BO18" s="360"/>
      <c r="BP18" s="360"/>
      <c r="BQ18" s="360"/>
      <c r="BR18" s="360"/>
      <c r="BS18" s="360"/>
      <c r="BT18" s="360"/>
      <c r="BU18" s="360"/>
      <c r="BV18" s="360"/>
      <c r="BW18" s="360"/>
      <c r="BX18" s="360"/>
      <c r="BY18" s="360"/>
      <c r="BZ18" s="360"/>
      <c r="CA18" s="360"/>
      <c r="CB18" s="360"/>
      <c r="CC18" s="360"/>
      <c r="CD18" s="360"/>
      <c r="CE18" s="360"/>
      <c r="CF18" s="360"/>
      <c r="CG18" s="360"/>
      <c r="CH18" s="360"/>
      <c r="CI18" s="360"/>
      <c r="CJ18" s="360"/>
      <c r="CK18" s="360"/>
      <c r="CL18" s="360"/>
      <c r="CM18" s="360"/>
      <c r="CN18" s="360"/>
      <c r="CO18" s="360"/>
      <c r="CP18" s="360"/>
      <c r="CQ18" s="360"/>
      <c r="CR18" s="360"/>
      <c r="CS18" s="360"/>
      <c r="CT18" s="360"/>
      <c r="CU18" s="360"/>
      <c r="CV18" s="360"/>
      <c r="CW18" s="360"/>
      <c r="CX18" s="360"/>
      <c r="CY18" s="360"/>
      <c r="CZ18" s="360"/>
      <c r="DA18" s="360"/>
      <c r="DB18" s="360"/>
      <c r="DC18" s="360"/>
      <c r="DD18" s="360"/>
      <c r="DE18" s="361"/>
    </row>
    <row r="19" spans="1:111" s="53" customFormat="1" ht="36" customHeight="1" x14ac:dyDescent="0.15">
      <c r="A19" s="146"/>
      <c r="B19" s="337"/>
      <c r="C19" s="338"/>
      <c r="D19" s="168">
        <v>1</v>
      </c>
      <c r="E19" s="368"/>
      <c r="F19" s="369"/>
      <c r="G19" s="369"/>
      <c r="H19" s="369"/>
      <c r="I19" s="369"/>
      <c r="J19" s="369"/>
      <c r="K19" s="369"/>
      <c r="L19" s="369"/>
      <c r="M19" s="369"/>
      <c r="N19" s="369"/>
      <c r="O19" s="370"/>
      <c r="P19" s="374" t="s">
        <v>172</v>
      </c>
      <c r="Q19" s="375"/>
      <c r="R19" s="375"/>
      <c r="S19" s="375"/>
      <c r="T19" s="375"/>
      <c r="U19" s="375"/>
      <c r="V19" s="375"/>
      <c r="W19" s="375"/>
      <c r="X19" s="375"/>
      <c r="Y19" s="375"/>
      <c r="Z19" s="375"/>
      <c r="AA19" s="375"/>
      <c r="AB19" s="375"/>
      <c r="AC19" s="375"/>
      <c r="AD19" s="375"/>
      <c r="AE19" s="375"/>
      <c r="AF19" s="375"/>
      <c r="AG19" s="375"/>
      <c r="AH19" s="375"/>
      <c r="AI19" s="376"/>
      <c r="AJ19" s="332"/>
      <c r="AK19" s="333"/>
      <c r="AL19" s="333"/>
      <c r="AM19" s="333"/>
      <c r="AN19" s="333"/>
      <c r="AO19" s="333"/>
      <c r="AP19" s="333"/>
      <c r="AQ19" s="333"/>
      <c r="AR19" s="333"/>
      <c r="AS19" s="333"/>
      <c r="AT19" s="333"/>
      <c r="AU19" s="333"/>
      <c r="AV19" s="333"/>
      <c r="AW19" s="333"/>
      <c r="AX19" s="333"/>
      <c r="AY19" s="334"/>
      <c r="AZ19" s="353"/>
      <c r="BA19" s="354"/>
      <c r="BB19" s="354"/>
      <c r="BC19" s="354"/>
      <c r="BD19" s="354"/>
      <c r="BE19" s="355"/>
      <c r="BF19" s="362"/>
      <c r="BG19" s="363"/>
      <c r="BH19" s="363"/>
      <c r="BI19" s="363"/>
      <c r="BJ19" s="363"/>
      <c r="BK19" s="363"/>
      <c r="BL19" s="363"/>
      <c r="BM19" s="363"/>
      <c r="BN19" s="363"/>
      <c r="BO19" s="363"/>
      <c r="BP19" s="363"/>
      <c r="BQ19" s="363"/>
      <c r="BR19" s="363"/>
      <c r="BS19" s="363"/>
      <c r="BT19" s="363"/>
      <c r="BU19" s="363"/>
      <c r="BV19" s="363"/>
      <c r="BW19" s="363"/>
      <c r="BX19" s="363"/>
      <c r="BY19" s="363"/>
      <c r="BZ19" s="363"/>
      <c r="CA19" s="363"/>
      <c r="CB19" s="363"/>
      <c r="CC19" s="363"/>
      <c r="CD19" s="363"/>
      <c r="CE19" s="363"/>
      <c r="CF19" s="363"/>
      <c r="CG19" s="363"/>
      <c r="CH19" s="363"/>
      <c r="CI19" s="363"/>
      <c r="CJ19" s="363"/>
      <c r="CK19" s="363"/>
      <c r="CL19" s="363"/>
      <c r="CM19" s="363"/>
      <c r="CN19" s="363"/>
      <c r="CO19" s="363"/>
      <c r="CP19" s="363"/>
      <c r="CQ19" s="363"/>
      <c r="CR19" s="363"/>
      <c r="CS19" s="363"/>
      <c r="CT19" s="363"/>
      <c r="CU19" s="363"/>
      <c r="CV19" s="363"/>
      <c r="CW19" s="363"/>
      <c r="CX19" s="363"/>
      <c r="CY19" s="363"/>
      <c r="CZ19" s="363"/>
      <c r="DA19" s="363"/>
      <c r="DB19" s="363"/>
      <c r="DC19" s="363"/>
      <c r="DD19" s="363"/>
      <c r="DE19" s="364"/>
    </row>
    <row r="20" spans="1:111" s="53" customFormat="1" ht="36" customHeight="1" x14ac:dyDescent="0.15">
      <c r="A20" s="146"/>
      <c r="B20" s="337"/>
      <c r="C20" s="338"/>
      <c r="D20" s="168">
        <v>2</v>
      </c>
      <c r="E20" s="368"/>
      <c r="F20" s="369"/>
      <c r="G20" s="369"/>
      <c r="H20" s="369"/>
      <c r="I20" s="369"/>
      <c r="J20" s="369"/>
      <c r="K20" s="369"/>
      <c r="L20" s="369"/>
      <c r="M20" s="369"/>
      <c r="N20" s="369"/>
      <c r="O20" s="370"/>
      <c r="P20" s="374" t="s">
        <v>172</v>
      </c>
      <c r="Q20" s="375"/>
      <c r="R20" s="375"/>
      <c r="S20" s="375"/>
      <c r="T20" s="375"/>
      <c r="U20" s="375"/>
      <c r="V20" s="375"/>
      <c r="W20" s="375"/>
      <c r="X20" s="375"/>
      <c r="Y20" s="375"/>
      <c r="Z20" s="375"/>
      <c r="AA20" s="375"/>
      <c r="AB20" s="375"/>
      <c r="AC20" s="375"/>
      <c r="AD20" s="375"/>
      <c r="AE20" s="375"/>
      <c r="AF20" s="375"/>
      <c r="AG20" s="375"/>
      <c r="AH20" s="375"/>
      <c r="AI20" s="376"/>
      <c r="AJ20" s="332"/>
      <c r="AK20" s="333"/>
      <c r="AL20" s="333"/>
      <c r="AM20" s="333"/>
      <c r="AN20" s="333"/>
      <c r="AO20" s="333"/>
      <c r="AP20" s="333"/>
      <c r="AQ20" s="333"/>
      <c r="AR20" s="333"/>
      <c r="AS20" s="333"/>
      <c r="AT20" s="333"/>
      <c r="AU20" s="333"/>
      <c r="AV20" s="333"/>
      <c r="AW20" s="333"/>
      <c r="AX20" s="333"/>
      <c r="AY20" s="334"/>
      <c r="AZ20" s="353"/>
      <c r="BA20" s="354"/>
      <c r="BB20" s="354"/>
      <c r="BC20" s="354"/>
      <c r="BD20" s="354"/>
      <c r="BE20" s="355"/>
      <c r="BF20" s="362"/>
      <c r="BG20" s="363"/>
      <c r="BH20" s="363"/>
      <c r="BI20" s="363"/>
      <c r="BJ20" s="363"/>
      <c r="BK20" s="363"/>
      <c r="BL20" s="363"/>
      <c r="BM20" s="363"/>
      <c r="BN20" s="363"/>
      <c r="BO20" s="363"/>
      <c r="BP20" s="363"/>
      <c r="BQ20" s="363"/>
      <c r="BR20" s="363"/>
      <c r="BS20" s="363"/>
      <c r="BT20" s="363"/>
      <c r="BU20" s="363"/>
      <c r="BV20" s="363"/>
      <c r="BW20" s="363"/>
      <c r="BX20" s="363"/>
      <c r="BY20" s="363"/>
      <c r="BZ20" s="363"/>
      <c r="CA20" s="363"/>
      <c r="CB20" s="363"/>
      <c r="CC20" s="363"/>
      <c r="CD20" s="363"/>
      <c r="CE20" s="363"/>
      <c r="CF20" s="363"/>
      <c r="CG20" s="363"/>
      <c r="CH20" s="363"/>
      <c r="CI20" s="363"/>
      <c r="CJ20" s="363"/>
      <c r="CK20" s="363"/>
      <c r="CL20" s="363"/>
      <c r="CM20" s="363"/>
      <c r="CN20" s="363"/>
      <c r="CO20" s="363"/>
      <c r="CP20" s="363"/>
      <c r="CQ20" s="363"/>
      <c r="CR20" s="363"/>
      <c r="CS20" s="363"/>
      <c r="CT20" s="363"/>
      <c r="CU20" s="363"/>
      <c r="CV20" s="363"/>
      <c r="CW20" s="363"/>
      <c r="CX20" s="363"/>
      <c r="CY20" s="363"/>
      <c r="CZ20" s="363"/>
      <c r="DA20" s="363"/>
      <c r="DB20" s="363"/>
      <c r="DC20" s="363"/>
      <c r="DD20" s="363"/>
      <c r="DE20" s="364"/>
    </row>
    <row r="21" spans="1:111" s="2" customFormat="1" ht="36" customHeight="1" thickBot="1" x14ac:dyDescent="0.2">
      <c r="A21" s="3"/>
      <c r="B21" s="339"/>
      <c r="C21" s="340"/>
      <c r="D21" s="169">
        <v>3</v>
      </c>
      <c r="E21" s="371"/>
      <c r="F21" s="372"/>
      <c r="G21" s="372"/>
      <c r="H21" s="372"/>
      <c r="I21" s="372"/>
      <c r="J21" s="372"/>
      <c r="K21" s="372"/>
      <c r="L21" s="372"/>
      <c r="M21" s="372"/>
      <c r="N21" s="372"/>
      <c r="O21" s="373"/>
      <c r="P21" s="374" t="s">
        <v>172</v>
      </c>
      <c r="Q21" s="375"/>
      <c r="R21" s="375"/>
      <c r="S21" s="375"/>
      <c r="T21" s="375"/>
      <c r="U21" s="375"/>
      <c r="V21" s="375"/>
      <c r="W21" s="375"/>
      <c r="X21" s="375"/>
      <c r="Y21" s="375"/>
      <c r="Z21" s="375"/>
      <c r="AA21" s="375"/>
      <c r="AB21" s="375"/>
      <c r="AC21" s="375"/>
      <c r="AD21" s="375"/>
      <c r="AE21" s="375"/>
      <c r="AF21" s="375"/>
      <c r="AG21" s="375"/>
      <c r="AH21" s="375"/>
      <c r="AI21" s="376"/>
      <c r="AJ21" s="371"/>
      <c r="AK21" s="372"/>
      <c r="AL21" s="372"/>
      <c r="AM21" s="372"/>
      <c r="AN21" s="372"/>
      <c r="AO21" s="372"/>
      <c r="AP21" s="372"/>
      <c r="AQ21" s="372"/>
      <c r="AR21" s="372"/>
      <c r="AS21" s="372"/>
      <c r="AT21" s="372"/>
      <c r="AU21" s="372"/>
      <c r="AV21" s="372"/>
      <c r="AW21" s="372"/>
      <c r="AX21" s="372"/>
      <c r="AY21" s="373"/>
      <c r="AZ21" s="356"/>
      <c r="BA21" s="357"/>
      <c r="BB21" s="357"/>
      <c r="BC21" s="357"/>
      <c r="BD21" s="357"/>
      <c r="BE21" s="358"/>
      <c r="BF21" s="365"/>
      <c r="BG21" s="366"/>
      <c r="BH21" s="366"/>
      <c r="BI21" s="366"/>
      <c r="BJ21" s="366"/>
      <c r="BK21" s="366"/>
      <c r="BL21" s="366"/>
      <c r="BM21" s="366"/>
      <c r="BN21" s="366"/>
      <c r="BO21" s="366"/>
      <c r="BP21" s="366"/>
      <c r="BQ21" s="366"/>
      <c r="BR21" s="366"/>
      <c r="BS21" s="366"/>
      <c r="BT21" s="366"/>
      <c r="BU21" s="366"/>
      <c r="BV21" s="366"/>
      <c r="BW21" s="366"/>
      <c r="BX21" s="366"/>
      <c r="BY21" s="366"/>
      <c r="BZ21" s="366"/>
      <c r="CA21" s="366"/>
      <c r="CB21" s="366"/>
      <c r="CC21" s="366"/>
      <c r="CD21" s="366"/>
      <c r="CE21" s="366"/>
      <c r="CF21" s="366"/>
      <c r="CG21" s="366"/>
      <c r="CH21" s="366"/>
      <c r="CI21" s="366"/>
      <c r="CJ21" s="366"/>
      <c r="CK21" s="366"/>
      <c r="CL21" s="366"/>
      <c r="CM21" s="366"/>
      <c r="CN21" s="366"/>
      <c r="CO21" s="366"/>
      <c r="CP21" s="366"/>
      <c r="CQ21" s="366"/>
      <c r="CR21" s="366"/>
      <c r="CS21" s="366"/>
      <c r="CT21" s="366"/>
      <c r="CU21" s="366"/>
      <c r="CV21" s="366"/>
      <c r="CW21" s="366"/>
      <c r="CX21" s="366"/>
      <c r="CY21" s="366"/>
      <c r="CZ21" s="366"/>
      <c r="DA21" s="366"/>
      <c r="DB21" s="366"/>
      <c r="DC21" s="366"/>
      <c r="DD21" s="366"/>
      <c r="DE21" s="367"/>
      <c r="DF21" s="53"/>
      <c r="DG21" s="53"/>
    </row>
    <row r="22" spans="1:111" s="64" customFormat="1" ht="15" customHeight="1" thickTop="1" thickBot="1" x14ac:dyDescent="0.25">
      <c r="A22" s="72"/>
      <c r="B22" s="100"/>
      <c r="C22" s="67"/>
      <c r="D22" s="112"/>
      <c r="E22" s="112"/>
      <c r="F22" s="112"/>
      <c r="G22" s="112"/>
      <c r="H22" s="113"/>
      <c r="I22" s="113"/>
      <c r="J22" s="113"/>
      <c r="K22" s="113"/>
      <c r="L22" s="113"/>
      <c r="M22" s="114"/>
      <c r="N22" s="114"/>
      <c r="O22" s="114"/>
      <c r="P22" s="114"/>
      <c r="Q22" s="114"/>
      <c r="R22" s="114"/>
      <c r="S22" s="114"/>
      <c r="T22" s="114"/>
      <c r="U22" s="114"/>
      <c r="V22" s="114"/>
      <c r="W22" s="115"/>
      <c r="X22" s="115"/>
      <c r="Y22" s="115"/>
      <c r="Z22" s="115"/>
      <c r="AA22" s="115"/>
      <c r="AB22" s="115"/>
      <c r="AC22" s="115"/>
      <c r="AD22" s="115"/>
      <c r="AE22" s="114"/>
      <c r="AF22" s="114"/>
      <c r="AG22" s="114"/>
      <c r="AH22" s="114"/>
      <c r="AI22" s="114"/>
      <c r="AJ22" s="114"/>
      <c r="AK22" s="114"/>
      <c r="AL22" s="114"/>
      <c r="AM22" s="114"/>
      <c r="AN22" s="114"/>
      <c r="AO22" s="114"/>
      <c r="AP22" s="115"/>
      <c r="AQ22" s="115"/>
      <c r="AR22" s="115"/>
      <c r="AS22" s="115"/>
      <c r="AT22" s="115"/>
      <c r="AU22" s="115"/>
      <c r="AV22" s="115"/>
      <c r="AW22" s="115"/>
      <c r="AX22" s="115"/>
      <c r="AY22" s="116"/>
      <c r="AZ22" s="116"/>
      <c r="BA22" s="116"/>
      <c r="BB22" s="116"/>
      <c r="BC22" s="116"/>
      <c r="BD22" s="116"/>
      <c r="BE22" s="116"/>
      <c r="BF22" s="116"/>
      <c r="BG22" s="116"/>
      <c r="BH22" s="116"/>
      <c r="BI22" s="100"/>
      <c r="BJ22" s="100"/>
      <c r="BK22" s="100"/>
      <c r="BL22" s="100"/>
      <c r="BM22" s="100"/>
      <c r="BN22" s="100"/>
      <c r="BO22" s="67"/>
      <c r="BP22" s="67"/>
      <c r="BQ22" s="67"/>
      <c r="BR22" s="67"/>
      <c r="BS22" s="67"/>
      <c r="BT22" s="67"/>
      <c r="BU22" s="117"/>
      <c r="BV22" s="117"/>
      <c r="BW22" s="67"/>
      <c r="BX22" s="67"/>
      <c r="BY22" s="67"/>
      <c r="BZ22" s="67"/>
      <c r="CA22" s="67"/>
      <c r="CB22" s="67"/>
      <c r="CC22" s="67"/>
      <c r="CD22" s="67"/>
      <c r="CE22" s="67"/>
      <c r="CF22" s="67"/>
      <c r="CG22" s="67"/>
      <c r="CH22" s="115"/>
      <c r="CI22" s="115"/>
      <c r="CJ22" s="115"/>
      <c r="CK22" s="115"/>
      <c r="CL22" s="115"/>
      <c r="CM22" s="115"/>
      <c r="CN22" s="115"/>
      <c r="CO22" s="115"/>
      <c r="CP22" s="115"/>
      <c r="CQ22" s="115"/>
      <c r="CR22" s="115"/>
      <c r="CS22" s="115"/>
      <c r="CT22" s="115"/>
      <c r="CU22" s="115"/>
      <c r="CV22" s="115"/>
      <c r="CW22" s="115"/>
      <c r="CX22" s="115"/>
      <c r="CY22" s="115"/>
      <c r="CZ22" s="115"/>
      <c r="DA22" s="115"/>
      <c r="DB22" s="115"/>
      <c r="DC22" s="115"/>
      <c r="DD22" s="115"/>
      <c r="DE22" s="115"/>
      <c r="DF22" s="53"/>
      <c r="DG22" s="53"/>
    </row>
    <row r="23" spans="1:111" s="2" customFormat="1" ht="21.75" customHeight="1" thickTop="1" x14ac:dyDescent="0.15">
      <c r="A23" s="3"/>
      <c r="B23" s="499" t="s">
        <v>184</v>
      </c>
      <c r="C23" s="500"/>
      <c r="D23" s="500"/>
      <c r="E23" s="501"/>
      <c r="F23" s="502"/>
      <c r="G23" s="502"/>
      <c r="H23" s="502"/>
      <c r="I23" s="502"/>
      <c r="J23" s="502"/>
      <c r="K23" s="502"/>
      <c r="L23" s="502"/>
      <c r="M23" s="502"/>
      <c r="N23" s="502"/>
      <c r="O23" s="502"/>
      <c r="P23" s="502"/>
      <c r="Q23" s="502"/>
      <c r="R23" s="502"/>
      <c r="S23" s="502"/>
      <c r="T23" s="502"/>
      <c r="U23" s="502"/>
      <c r="V23" s="502"/>
      <c r="W23" s="502"/>
      <c r="X23" s="502"/>
      <c r="Y23" s="502"/>
      <c r="Z23" s="502"/>
      <c r="AA23" s="502"/>
      <c r="AB23" s="502"/>
      <c r="AC23" s="502"/>
      <c r="AD23" s="502"/>
      <c r="AE23" s="502"/>
      <c r="AF23" s="502"/>
      <c r="AG23" s="503"/>
      <c r="AH23" s="481" t="s">
        <v>12</v>
      </c>
      <c r="AI23" s="482"/>
      <c r="AJ23" s="482"/>
      <c r="AK23" s="482"/>
      <c r="AL23" s="482"/>
      <c r="AM23" s="482"/>
      <c r="AN23" s="483"/>
      <c r="AO23" s="487" t="s">
        <v>165</v>
      </c>
      <c r="AP23" s="488"/>
      <c r="AQ23" s="488"/>
      <c r="AR23" s="488"/>
      <c r="AS23" s="488"/>
      <c r="AT23" s="488"/>
      <c r="AU23" s="488"/>
      <c r="AV23" s="488"/>
      <c r="AW23" s="488"/>
      <c r="AX23" s="488"/>
      <c r="AY23" s="488"/>
      <c r="AZ23" s="488"/>
      <c r="BA23" s="488"/>
      <c r="BB23" s="488"/>
      <c r="BC23" s="488"/>
      <c r="BD23" s="488"/>
      <c r="BE23" s="488"/>
      <c r="BF23" s="488"/>
      <c r="BG23" s="488"/>
      <c r="BH23" s="488"/>
      <c r="BI23" s="488"/>
      <c r="BJ23" s="489"/>
      <c r="BK23" s="483" t="s">
        <v>14</v>
      </c>
      <c r="BL23" s="493"/>
      <c r="BM23" s="493"/>
      <c r="BN23" s="493"/>
      <c r="BO23" s="495"/>
      <c r="BP23" s="495"/>
      <c r="BQ23" s="495"/>
      <c r="BR23" s="496"/>
      <c r="BS23" s="482" t="s">
        <v>9</v>
      </c>
      <c r="BT23" s="482"/>
      <c r="BU23" s="482"/>
      <c r="BV23" s="482"/>
      <c r="BW23" s="482"/>
      <c r="BX23" s="482"/>
      <c r="BY23" s="482"/>
      <c r="BZ23" s="482"/>
      <c r="CA23" s="482"/>
      <c r="CB23" s="482"/>
      <c r="CC23" s="482"/>
      <c r="CD23" s="482"/>
      <c r="CE23" s="483"/>
      <c r="CF23" s="518" t="s">
        <v>10</v>
      </c>
      <c r="CG23" s="519"/>
      <c r="CH23" s="519"/>
      <c r="CI23" s="519"/>
      <c r="CJ23" s="519"/>
      <c r="CK23" s="519"/>
      <c r="CL23" s="519"/>
      <c r="CM23" s="519"/>
      <c r="CN23" s="519"/>
      <c r="CO23" s="519"/>
      <c r="CP23" s="519"/>
      <c r="CQ23" s="519"/>
      <c r="CR23" s="519"/>
      <c r="CS23" s="519"/>
      <c r="CT23" s="519"/>
      <c r="CU23" s="519"/>
      <c r="CV23" s="519"/>
      <c r="CW23" s="519"/>
      <c r="CX23" s="519"/>
      <c r="CY23" s="519"/>
      <c r="CZ23" s="519"/>
      <c r="DA23" s="519"/>
      <c r="DB23" s="519"/>
      <c r="DC23" s="519"/>
      <c r="DD23" s="519"/>
      <c r="DE23" s="520"/>
      <c r="DF23" s="145"/>
      <c r="DG23" s="145"/>
    </row>
    <row r="24" spans="1:111" s="2" customFormat="1" ht="55.5" customHeight="1" thickBot="1" x14ac:dyDescent="0.2">
      <c r="A24" s="3"/>
      <c r="B24" s="476" t="s">
        <v>155</v>
      </c>
      <c r="C24" s="477"/>
      <c r="D24" s="477"/>
      <c r="E24" s="478"/>
      <c r="F24" s="479"/>
      <c r="G24" s="479"/>
      <c r="H24" s="479"/>
      <c r="I24" s="479"/>
      <c r="J24" s="479"/>
      <c r="K24" s="479"/>
      <c r="L24" s="479"/>
      <c r="M24" s="479"/>
      <c r="N24" s="479"/>
      <c r="O24" s="479"/>
      <c r="P24" s="479"/>
      <c r="Q24" s="479"/>
      <c r="R24" s="479"/>
      <c r="S24" s="479"/>
      <c r="T24" s="479"/>
      <c r="U24" s="479"/>
      <c r="V24" s="479"/>
      <c r="W24" s="479"/>
      <c r="X24" s="479"/>
      <c r="Y24" s="479"/>
      <c r="Z24" s="479"/>
      <c r="AA24" s="479"/>
      <c r="AB24" s="479"/>
      <c r="AC24" s="479"/>
      <c r="AD24" s="479"/>
      <c r="AE24" s="479"/>
      <c r="AF24" s="479"/>
      <c r="AG24" s="480"/>
      <c r="AH24" s="484"/>
      <c r="AI24" s="485"/>
      <c r="AJ24" s="485"/>
      <c r="AK24" s="485"/>
      <c r="AL24" s="485"/>
      <c r="AM24" s="485"/>
      <c r="AN24" s="486"/>
      <c r="AO24" s="490"/>
      <c r="AP24" s="491"/>
      <c r="AQ24" s="491"/>
      <c r="AR24" s="491"/>
      <c r="AS24" s="491"/>
      <c r="AT24" s="491"/>
      <c r="AU24" s="491"/>
      <c r="AV24" s="491"/>
      <c r="AW24" s="491"/>
      <c r="AX24" s="491"/>
      <c r="AY24" s="491"/>
      <c r="AZ24" s="491"/>
      <c r="BA24" s="491"/>
      <c r="BB24" s="491"/>
      <c r="BC24" s="491"/>
      <c r="BD24" s="491"/>
      <c r="BE24" s="491"/>
      <c r="BF24" s="491"/>
      <c r="BG24" s="491"/>
      <c r="BH24" s="491"/>
      <c r="BI24" s="491"/>
      <c r="BJ24" s="492"/>
      <c r="BK24" s="486"/>
      <c r="BL24" s="494"/>
      <c r="BM24" s="494"/>
      <c r="BN24" s="494"/>
      <c r="BO24" s="497"/>
      <c r="BP24" s="497"/>
      <c r="BQ24" s="497"/>
      <c r="BR24" s="498"/>
      <c r="BS24" s="485"/>
      <c r="BT24" s="485"/>
      <c r="BU24" s="485"/>
      <c r="BV24" s="485"/>
      <c r="BW24" s="485"/>
      <c r="BX24" s="485"/>
      <c r="BY24" s="485"/>
      <c r="BZ24" s="485"/>
      <c r="CA24" s="485"/>
      <c r="CB24" s="485"/>
      <c r="CC24" s="485"/>
      <c r="CD24" s="485"/>
      <c r="CE24" s="486"/>
      <c r="CF24" s="521"/>
      <c r="CG24" s="522"/>
      <c r="CH24" s="522"/>
      <c r="CI24" s="522"/>
      <c r="CJ24" s="522"/>
      <c r="CK24" s="522"/>
      <c r="CL24" s="522"/>
      <c r="CM24" s="522"/>
      <c r="CN24" s="522"/>
      <c r="CO24" s="522"/>
      <c r="CP24" s="522"/>
      <c r="CQ24" s="522"/>
      <c r="CR24" s="522"/>
      <c r="CS24" s="522"/>
      <c r="CT24" s="522"/>
      <c r="CU24" s="522"/>
      <c r="CV24" s="522"/>
      <c r="CW24" s="522"/>
      <c r="CX24" s="522"/>
      <c r="CY24" s="522"/>
      <c r="CZ24" s="522"/>
      <c r="DA24" s="522"/>
      <c r="DB24" s="522"/>
      <c r="DC24" s="522"/>
      <c r="DD24" s="522"/>
      <c r="DE24" s="523"/>
      <c r="DF24" s="53"/>
      <c r="DG24" s="53"/>
    </row>
    <row r="25" spans="1:111" s="2" customFormat="1" ht="27" customHeight="1" x14ac:dyDescent="0.15">
      <c r="A25" s="3"/>
      <c r="B25" s="504" t="s">
        <v>77</v>
      </c>
      <c r="C25" s="505"/>
      <c r="D25" s="505"/>
      <c r="E25" s="505"/>
      <c r="F25" s="505"/>
      <c r="G25" s="505"/>
      <c r="H25" s="505"/>
      <c r="I25" s="505"/>
      <c r="J25" s="505"/>
      <c r="K25" s="505"/>
      <c r="L25" s="505"/>
      <c r="M25" s="505"/>
      <c r="N25" s="505"/>
      <c r="O25" s="505"/>
      <c r="P25" s="505"/>
      <c r="Q25" s="505"/>
      <c r="R25" s="505"/>
      <c r="S25" s="505"/>
      <c r="T25" s="505"/>
      <c r="U25" s="505"/>
      <c r="V25" s="505"/>
      <c r="W25" s="505"/>
      <c r="X25" s="505"/>
      <c r="Y25" s="505"/>
      <c r="Z25" s="505"/>
      <c r="AA25" s="505"/>
      <c r="AB25" s="505"/>
      <c r="AC25" s="505"/>
      <c r="AD25" s="505"/>
      <c r="AE25" s="505"/>
      <c r="AF25" s="505"/>
      <c r="AG25" s="505"/>
      <c r="AH25" s="505"/>
      <c r="AI25" s="505"/>
      <c r="AJ25" s="505"/>
      <c r="AK25" s="347"/>
      <c r="AL25" s="506" t="s">
        <v>78</v>
      </c>
      <c r="AM25" s="505"/>
      <c r="AN25" s="505"/>
      <c r="AO25" s="505"/>
      <c r="AP25" s="505"/>
      <c r="AQ25" s="505"/>
      <c r="AR25" s="505"/>
      <c r="AS25" s="505"/>
      <c r="AT25" s="505"/>
      <c r="AU25" s="505"/>
      <c r="AV25" s="505"/>
      <c r="AW25" s="505"/>
      <c r="AX25" s="505"/>
      <c r="AY25" s="505"/>
      <c r="AZ25" s="505"/>
      <c r="BA25" s="505"/>
      <c r="BB25" s="505"/>
      <c r="BC25" s="505"/>
      <c r="BD25" s="505"/>
      <c r="BE25" s="505"/>
      <c r="BF25" s="505"/>
      <c r="BG25" s="505"/>
      <c r="BH25" s="505"/>
      <c r="BI25" s="505"/>
      <c r="BJ25" s="505"/>
      <c r="BK25" s="505"/>
      <c r="BL25" s="505"/>
      <c r="BM25" s="505"/>
      <c r="BN25" s="505"/>
      <c r="BO25" s="505"/>
      <c r="BP25" s="505"/>
      <c r="BQ25" s="505"/>
      <c r="BR25" s="505"/>
      <c r="BS25" s="505"/>
      <c r="BT25" s="505"/>
      <c r="BU25" s="507"/>
      <c r="BV25" s="506" t="s">
        <v>200</v>
      </c>
      <c r="BW25" s="505"/>
      <c r="BX25" s="505"/>
      <c r="BY25" s="505"/>
      <c r="BZ25" s="505"/>
      <c r="CA25" s="505"/>
      <c r="CB25" s="505"/>
      <c r="CC25" s="505"/>
      <c r="CD25" s="505"/>
      <c r="CE25" s="505"/>
      <c r="CF25" s="505"/>
      <c r="CG25" s="505"/>
      <c r="CH25" s="505"/>
      <c r="CI25" s="505"/>
      <c r="CJ25" s="505"/>
      <c r="CK25" s="505"/>
      <c r="CL25" s="505"/>
      <c r="CM25" s="505"/>
      <c r="CN25" s="505"/>
      <c r="CO25" s="505"/>
      <c r="CP25" s="505"/>
      <c r="CQ25" s="505"/>
      <c r="CR25" s="505"/>
      <c r="CS25" s="505"/>
      <c r="CT25" s="505"/>
      <c r="CU25" s="505"/>
      <c r="CV25" s="505"/>
      <c r="CW25" s="505"/>
      <c r="CX25" s="505"/>
      <c r="CY25" s="505"/>
      <c r="CZ25" s="505"/>
      <c r="DA25" s="505"/>
      <c r="DB25" s="505"/>
      <c r="DC25" s="505"/>
      <c r="DD25" s="347"/>
      <c r="DE25" s="508"/>
      <c r="DF25" s="53"/>
      <c r="DG25" s="53"/>
    </row>
    <row r="26" spans="1:111" s="2" customFormat="1" ht="27.75" customHeight="1" x14ac:dyDescent="0.15">
      <c r="A26" s="3"/>
      <c r="B26" s="509" t="s">
        <v>11</v>
      </c>
      <c r="C26" s="510"/>
      <c r="D26" s="510"/>
      <c r="E26" s="510"/>
      <c r="F26" s="510"/>
      <c r="G26" s="510"/>
      <c r="H26" s="511" t="s">
        <v>74</v>
      </c>
      <c r="I26" s="512"/>
      <c r="J26" s="512"/>
      <c r="K26" s="512"/>
      <c r="L26" s="512"/>
      <c r="M26" s="512"/>
      <c r="N26" s="512"/>
      <c r="O26" s="512"/>
      <c r="P26" s="512"/>
      <c r="Q26" s="512"/>
      <c r="R26" s="512"/>
      <c r="S26" s="513"/>
      <c r="T26" s="512" t="s">
        <v>75</v>
      </c>
      <c r="U26" s="512"/>
      <c r="V26" s="512"/>
      <c r="W26" s="512"/>
      <c r="X26" s="512"/>
      <c r="Y26" s="512"/>
      <c r="Z26" s="512"/>
      <c r="AA26" s="512"/>
      <c r="AB26" s="512"/>
      <c r="AC26" s="512"/>
      <c r="AD26" s="512"/>
      <c r="AE26" s="513"/>
      <c r="AF26" s="511" t="s">
        <v>98</v>
      </c>
      <c r="AG26" s="512"/>
      <c r="AH26" s="512"/>
      <c r="AI26" s="512"/>
      <c r="AJ26" s="512"/>
      <c r="AK26" s="512"/>
      <c r="AL26" s="514" t="s">
        <v>11</v>
      </c>
      <c r="AM26" s="510"/>
      <c r="AN26" s="510"/>
      <c r="AO26" s="510"/>
      <c r="AP26" s="510"/>
      <c r="AQ26" s="510"/>
      <c r="AR26" s="510"/>
      <c r="AS26" s="510"/>
      <c r="AT26" s="510"/>
      <c r="AU26" s="510"/>
      <c r="AV26" s="510"/>
      <c r="AW26" s="510"/>
      <c r="AX26" s="510"/>
      <c r="AY26" s="510"/>
      <c r="AZ26" s="510" t="s">
        <v>156</v>
      </c>
      <c r="BA26" s="510"/>
      <c r="BB26" s="510"/>
      <c r="BC26" s="510"/>
      <c r="BD26" s="510"/>
      <c r="BE26" s="510"/>
      <c r="BF26" s="510"/>
      <c r="BG26" s="510"/>
      <c r="BH26" s="510"/>
      <c r="BI26" s="510"/>
      <c r="BJ26" s="510"/>
      <c r="BK26" s="510"/>
      <c r="BL26" s="510"/>
      <c r="BM26" s="510"/>
      <c r="BN26" s="510"/>
      <c r="BO26" s="510"/>
      <c r="BP26" s="510"/>
      <c r="BQ26" s="510"/>
      <c r="BR26" s="510"/>
      <c r="BS26" s="510"/>
      <c r="BT26" s="510"/>
      <c r="BU26" s="515"/>
      <c r="BV26" s="514" t="s">
        <v>11</v>
      </c>
      <c r="BW26" s="510"/>
      <c r="BX26" s="510"/>
      <c r="BY26" s="510"/>
      <c r="BZ26" s="510"/>
      <c r="CA26" s="510"/>
      <c r="CB26" s="510"/>
      <c r="CC26" s="510"/>
      <c r="CD26" s="510"/>
      <c r="CE26" s="510"/>
      <c r="CF26" s="510"/>
      <c r="CG26" s="510"/>
      <c r="CH26" s="510"/>
      <c r="CI26" s="510"/>
      <c r="CJ26" s="510" t="s">
        <v>156</v>
      </c>
      <c r="CK26" s="510"/>
      <c r="CL26" s="510"/>
      <c r="CM26" s="510"/>
      <c r="CN26" s="510"/>
      <c r="CO26" s="510"/>
      <c r="CP26" s="510"/>
      <c r="CQ26" s="510"/>
      <c r="CR26" s="510"/>
      <c r="CS26" s="510"/>
      <c r="CT26" s="510"/>
      <c r="CU26" s="510"/>
      <c r="CV26" s="510"/>
      <c r="CW26" s="510"/>
      <c r="CX26" s="510"/>
      <c r="CY26" s="510"/>
      <c r="CZ26" s="510"/>
      <c r="DA26" s="510"/>
      <c r="DB26" s="510"/>
      <c r="DC26" s="510"/>
      <c r="DD26" s="511"/>
      <c r="DE26" s="551"/>
      <c r="DF26" s="53"/>
      <c r="DG26" s="53"/>
    </row>
    <row r="27" spans="1:111" s="2" customFormat="1" ht="45" customHeight="1" x14ac:dyDescent="0.15">
      <c r="A27" s="3"/>
      <c r="B27" s="463"/>
      <c r="C27" s="464"/>
      <c r="D27" s="464"/>
      <c r="E27" s="464"/>
      <c r="F27" s="464"/>
      <c r="G27" s="465"/>
      <c r="H27" s="461"/>
      <c r="I27" s="464"/>
      <c r="J27" s="464"/>
      <c r="K27" s="464"/>
      <c r="L27" s="464"/>
      <c r="M27" s="464"/>
      <c r="N27" s="464"/>
      <c r="O27" s="464"/>
      <c r="P27" s="464"/>
      <c r="Q27" s="464"/>
      <c r="R27" s="464"/>
      <c r="S27" s="465"/>
      <c r="T27" s="464"/>
      <c r="U27" s="464"/>
      <c r="V27" s="464"/>
      <c r="W27" s="464"/>
      <c r="X27" s="464"/>
      <c r="Y27" s="464"/>
      <c r="Z27" s="464"/>
      <c r="AA27" s="464"/>
      <c r="AB27" s="464"/>
      <c r="AC27" s="464"/>
      <c r="AD27" s="464"/>
      <c r="AE27" s="465"/>
      <c r="AF27" s="466" t="s">
        <v>163</v>
      </c>
      <c r="AG27" s="467"/>
      <c r="AH27" s="467"/>
      <c r="AI27" s="467"/>
      <c r="AJ27" s="467"/>
      <c r="AK27" s="467"/>
      <c r="AL27" s="458"/>
      <c r="AM27" s="459"/>
      <c r="AN27" s="459"/>
      <c r="AO27" s="459"/>
      <c r="AP27" s="459"/>
      <c r="AQ27" s="459"/>
      <c r="AR27" s="459"/>
      <c r="AS27" s="459"/>
      <c r="AT27" s="459"/>
      <c r="AU27" s="459"/>
      <c r="AV27" s="459"/>
      <c r="AW27" s="459"/>
      <c r="AX27" s="459"/>
      <c r="AY27" s="459"/>
      <c r="AZ27" s="459"/>
      <c r="BA27" s="459"/>
      <c r="BB27" s="459"/>
      <c r="BC27" s="459"/>
      <c r="BD27" s="459"/>
      <c r="BE27" s="459"/>
      <c r="BF27" s="459"/>
      <c r="BG27" s="459"/>
      <c r="BH27" s="459"/>
      <c r="BI27" s="459"/>
      <c r="BJ27" s="459"/>
      <c r="BK27" s="459"/>
      <c r="BL27" s="459"/>
      <c r="BM27" s="459"/>
      <c r="BN27" s="459"/>
      <c r="BO27" s="459"/>
      <c r="BP27" s="459"/>
      <c r="BQ27" s="459"/>
      <c r="BR27" s="459"/>
      <c r="BS27" s="459"/>
      <c r="BT27" s="459"/>
      <c r="BU27" s="460"/>
      <c r="BV27" s="458"/>
      <c r="BW27" s="459"/>
      <c r="BX27" s="459"/>
      <c r="BY27" s="459"/>
      <c r="BZ27" s="459"/>
      <c r="CA27" s="459"/>
      <c r="CB27" s="459"/>
      <c r="CC27" s="459"/>
      <c r="CD27" s="459"/>
      <c r="CE27" s="459"/>
      <c r="CF27" s="459"/>
      <c r="CG27" s="459"/>
      <c r="CH27" s="459"/>
      <c r="CI27" s="459"/>
      <c r="CJ27" s="459"/>
      <c r="CK27" s="459"/>
      <c r="CL27" s="459"/>
      <c r="CM27" s="459"/>
      <c r="CN27" s="459"/>
      <c r="CO27" s="459"/>
      <c r="CP27" s="459"/>
      <c r="CQ27" s="459"/>
      <c r="CR27" s="459"/>
      <c r="CS27" s="459"/>
      <c r="CT27" s="459"/>
      <c r="CU27" s="459"/>
      <c r="CV27" s="459"/>
      <c r="CW27" s="459"/>
      <c r="CX27" s="459"/>
      <c r="CY27" s="459"/>
      <c r="CZ27" s="459"/>
      <c r="DA27" s="459"/>
      <c r="DB27" s="459"/>
      <c r="DC27" s="459"/>
      <c r="DD27" s="461"/>
      <c r="DE27" s="462"/>
      <c r="DF27" s="53"/>
      <c r="DG27" s="53"/>
    </row>
    <row r="28" spans="1:111" s="2" customFormat="1" ht="22.5" customHeight="1" x14ac:dyDescent="0.15">
      <c r="A28" s="3"/>
      <c r="B28" s="425" t="s">
        <v>166</v>
      </c>
      <c r="C28" s="440"/>
      <c r="D28" s="440"/>
      <c r="E28" s="440"/>
      <c r="F28" s="440"/>
      <c r="G28" s="440"/>
      <c r="H28" s="440"/>
      <c r="I28" s="440"/>
      <c r="J28" s="440"/>
      <c r="K28" s="440"/>
      <c r="L28" s="440"/>
      <c r="M28" s="440"/>
      <c r="N28" s="440"/>
      <c r="O28" s="441"/>
      <c r="P28" s="468" t="s">
        <v>134</v>
      </c>
      <c r="Q28" s="469"/>
      <c r="R28" s="470"/>
      <c r="S28" s="471" t="s">
        <v>167</v>
      </c>
      <c r="T28" s="472"/>
      <c r="U28" s="472"/>
      <c r="V28" s="472"/>
      <c r="W28" s="472"/>
      <c r="X28" s="472"/>
      <c r="Y28" s="472"/>
      <c r="Z28" s="472"/>
      <c r="AA28" s="472"/>
      <c r="AB28" s="472"/>
      <c r="AC28" s="472"/>
      <c r="AD28" s="472"/>
      <c r="AE28" s="472"/>
      <c r="AF28" s="472"/>
      <c r="AG28" s="472"/>
      <c r="AH28" s="472"/>
      <c r="AI28" s="472"/>
      <c r="AJ28" s="472"/>
      <c r="AK28" s="473"/>
      <c r="AL28" s="474" t="s">
        <v>194</v>
      </c>
      <c r="AM28" s="469"/>
      <c r="AN28" s="469"/>
      <c r="AO28" s="470"/>
      <c r="AP28" s="440"/>
      <c r="AQ28" s="440"/>
      <c r="AR28" s="440"/>
      <c r="AS28" s="440"/>
      <c r="AT28" s="440"/>
      <c r="AU28" s="440"/>
      <c r="AV28" s="440"/>
      <c r="AW28" s="440"/>
      <c r="AX28" s="440"/>
      <c r="AY28" s="440"/>
      <c r="AZ28" s="468" t="s">
        <v>134</v>
      </c>
      <c r="BA28" s="469"/>
      <c r="BB28" s="470"/>
      <c r="BC28" s="471" t="s">
        <v>167</v>
      </c>
      <c r="BD28" s="472"/>
      <c r="BE28" s="472"/>
      <c r="BF28" s="472"/>
      <c r="BG28" s="472"/>
      <c r="BH28" s="472"/>
      <c r="BI28" s="472"/>
      <c r="BJ28" s="472"/>
      <c r="BK28" s="472"/>
      <c r="BL28" s="472"/>
      <c r="BM28" s="472"/>
      <c r="BN28" s="472"/>
      <c r="BO28" s="472"/>
      <c r="BP28" s="472"/>
      <c r="BQ28" s="472"/>
      <c r="BR28" s="472"/>
      <c r="BS28" s="472"/>
      <c r="BT28" s="472"/>
      <c r="BU28" s="473"/>
      <c r="BV28" s="474" t="s">
        <v>177</v>
      </c>
      <c r="BW28" s="469"/>
      <c r="BX28" s="469"/>
      <c r="BY28" s="470"/>
      <c r="BZ28" s="440"/>
      <c r="CA28" s="440"/>
      <c r="CB28" s="440"/>
      <c r="CC28" s="440"/>
      <c r="CD28" s="440"/>
      <c r="CE28" s="440"/>
      <c r="CF28" s="440"/>
      <c r="CG28" s="440"/>
      <c r="CH28" s="440"/>
      <c r="CI28" s="440"/>
      <c r="CJ28" s="468" t="s">
        <v>134</v>
      </c>
      <c r="CK28" s="469"/>
      <c r="CL28" s="470"/>
      <c r="CM28" s="471" t="s">
        <v>167</v>
      </c>
      <c r="CN28" s="472"/>
      <c r="CO28" s="472"/>
      <c r="CP28" s="472"/>
      <c r="CQ28" s="472"/>
      <c r="CR28" s="472"/>
      <c r="CS28" s="472"/>
      <c r="CT28" s="472"/>
      <c r="CU28" s="472"/>
      <c r="CV28" s="472"/>
      <c r="CW28" s="472"/>
      <c r="CX28" s="472"/>
      <c r="CY28" s="472"/>
      <c r="CZ28" s="472"/>
      <c r="DA28" s="472"/>
      <c r="DB28" s="472"/>
      <c r="DC28" s="472"/>
      <c r="DD28" s="472"/>
      <c r="DE28" s="533"/>
      <c r="DF28" s="53"/>
      <c r="DG28" s="53"/>
    </row>
    <row r="29" spans="1:111" s="2" customFormat="1" ht="22.5" customHeight="1" thickBot="1" x14ac:dyDescent="0.2">
      <c r="A29" s="3"/>
      <c r="B29" s="426"/>
      <c r="C29" s="444"/>
      <c r="D29" s="444"/>
      <c r="E29" s="444"/>
      <c r="F29" s="444"/>
      <c r="G29" s="444"/>
      <c r="H29" s="444"/>
      <c r="I29" s="444"/>
      <c r="J29" s="444"/>
      <c r="K29" s="444"/>
      <c r="L29" s="444"/>
      <c r="M29" s="444"/>
      <c r="N29" s="444"/>
      <c r="O29" s="445"/>
      <c r="P29" s="395"/>
      <c r="Q29" s="396"/>
      <c r="R29" s="397"/>
      <c r="S29" s="413" t="s">
        <v>168</v>
      </c>
      <c r="T29" s="414"/>
      <c r="U29" s="414"/>
      <c r="V29" s="414"/>
      <c r="W29" s="414"/>
      <c r="X29" s="414"/>
      <c r="Y29" s="414"/>
      <c r="Z29" s="414"/>
      <c r="AA29" s="414"/>
      <c r="AB29" s="414"/>
      <c r="AC29" s="414"/>
      <c r="AD29" s="414"/>
      <c r="AE29" s="414"/>
      <c r="AF29" s="414"/>
      <c r="AG29" s="414"/>
      <c r="AH29" s="414"/>
      <c r="AI29" s="414"/>
      <c r="AJ29" s="414"/>
      <c r="AK29" s="415"/>
      <c r="AL29" s="475"/>
      <c r="AM29" s="396"/>
      <c r="AN29" s="396"/>
      <c r="AO29" s="397"/>
      <c r="AP29" s="444"/>
      <c r="AQ29" s="444"/>
      <c r="AR29" s="444"/>
      <c r="AS29" s="444"/>
      <c r="AT29" s="444"/>
      <c r="AU29" s="444"/>
      <c r="AV29" s="444"/>
      <c r="AW29" s="444"/>
      <c r="AX29" s="444"/>
      <c r="AY29" s="444"/>
      <c r="AZ29" s="395"/>
      <c r="BA29" s="396"/>
      <c r="BB29" s="397"/>
      <c r="BC29" s="413" t="s">
        <v>168</v>
      </c>
      <c r="BD29" s="414"/>
      <c r="BE29" s="414"/>
      <c r="BF29" s="414"/>
      <c r="BG29" s="414"/>
      <c r="BH29" s="414"/>
      <c r="BI29" s="414"/>
      <c r="BJ29" s="414"/>
      <c r="BK29" s="414"/>
      <c r="BL29" s="414"/>
      <c r="BM29" s="414"/>
      <c r="BN29" s="414"/>
      <c r="BO29" s="414"/>
      <c r="BP29" s="414"/>
      <c r="BQ29" s="414"/>
      <c r="BR29" s="414"/>
      <c r="BS29" s="414"/>
      <c r="BT29" s="414"/>
      <c r="BU29" s="415"/>
      <c r="BV29" s="475"/>
      <c r="BW29" s="396"/>
      <c r="BX29" s="396"/>
      <c r="BY29" s="397"/>
      <c r="BZ29" s="444"/>
      <c r="CA29" s="444"/>
      <c r="CB29" s="444"/>
      <c r="CC29" s="444"/>
      <c r="CD29" s="444"/>
      <c r="CE29" s="444"/>
      <c r="CF29" s="444"/>
      <c r="CG29" s="444"/>
      <c r="CH29" s="444"/>
      <c r="CI29" s="444"/>
      <c r="CJ29" s="395"/>
      <c r="CK29" s="396"/>
      <c r="CL29" s="397"/>
      <c r="CM29" s="413" t="s">
        <v>168</v>
      </c>
      <c r="CN29" s="414"/>
      <c r="CO29" s="414"/>
      <c r="CP29" s="414"/>
      <c r="CQ29" s="414"/>
      <c r="CR29" s="414"/>
      <c r="CS29" s="414"/>
      <c r="CT29" s="414"/>
      <c r="CU29" s="414"/>
      <c r="CV29" s="414"/>
      <c r="CW29" s="414"/>
      <c r="CX29" s="414"/>
      <c r="CY29" s="414"/>
      <c r="CZ29" s="414"/>
      <c r="DA29" s="414"/>
      <c r="DB29" s="414"/>
      <c r="DC29" s="414"/>
      <c r="DD29" s="414"/>
      <c r="DE29" s="534"/>
      <c r="DF29" s="53"/>
      <c r="DG29" s="53"/>
    </row>
    <row r="30" spans="1:111" s="2" customFormat="1" ht="7.5" customHeight="1" x14ac:dyDescent="0.15">
      <c r="A30" s="3"/>
      <c r="B30" s="377" t="s">
        <v>100</v>
      </c>
      <c r="C30" s="351"/>
      <c r="D30" s="352"/>
      <c r="E30" s="382" t="s">
        <v>157</v>
      </c>
      <c r="F30" s="383"/>
      <c r="G30" s="383"/>
      <c r="H30" s="384"/>
      <c r="I30" s="391" t="s">
        <v>99</v>
      </c>
      <c r="J30" s="336"/>
      <c r="K30" s="336"/>
      <c r="L30" s="336"/>
      <c r="M30" s="392"/>
      <c r="N30" s="398" t="s">
        <v>158</v>
      </c>
      <c r="O30" s="399"/>
      <c r="P30" s="399"/>
      <c r="Q30" s="399"/>
      <c r="R30" s="399"/>
      <c r="S30" s="399"/>
      <c r="T30" s="399"/>
      <c r="U30" s="399"/>
      <c r="V30" s="399"/>
      <c r="W30" s="399"/>
      <c r="X30" s="399"/>
      <c r="Y30" s="399"/>
      <c r="Z30" s="399"/>
      <c r="AA30" s="399"/>
      <c r="AB30" s="400"/>
      <c r="AC30" s="350" t="s">
        <v>19</v>
      </c>
      <c r="AD30" s="351"/>
      <c r="AE30" s="351"/>
      <c r="AF30" s="351"/>
      <c r="AG30" s="351"/>
      <c r="AH30" s="351"/>
      <c r="AI30" s="351"/>
      <c r="AJ30" s="352"/>
      <c r="AK30" s="398" t="s">
        <v>159</v>
      </c>
      <c r="AL30" s="399"/>
      <c r="AM30" s="399"/>
      <c r="AN30" s="399"/>
      <c r="AO30" s="399"/>
      <c r="AP30" s="399"/>
      <c r="AQ30" s="399"/>
      <c r="AR30" s="399"/>
      <c r="AS30" s="399"/>
      <c r="AT30" s="399"/>
      <c r="AU30" s="399"/>
      <c r="AV30" s="399"/>
      <c r="AW30" s="399"/>
      <c r="AX30" s="399"/>
      <c r="AY30" s="400"/>
      <c r="AZ30" s="350" t="s">
        <v>20</v>
      </c>
      <c r="BA30" s="351"/>
      <c r="BB30" s="351"/>
      <c r="BC30" s="351"/>
      <c r="BD30" s="351"/>
      <c r="BE30" s="352"/>
      <c r="BF30" s="391" t="s">
        <v>84</v>
      </c>
      <c r="BG30" s="336"/>
      <c r="BH30" s="336"/>
      <c r="BI30" s="336"/>
      <c r="BJ30" s="336"/>
      <c r="BK30" s="336"/>
      <c r="BL30" s="392"/>
      <c r="BM30" s="350" t="s">
        <v>18</v>
      </c>
      <c r="BN30" s="351"/>
      <c r="BO30" s="351"/>
      <c r="BP30" s="351"/>
      <c r="BQ30" s="351"/>
      <c r="BR30" s="351"/>
      <c r="BS30" s="351"/>
      <c r="BT30" s="351"/>
      <c r="BU30" s="351"/>
      <c r="BV30" s="351"/>
      <c r="BW30" s="351"/>
      <c r="BX30" s="351"/>
      <c r="BY30" s="351"/>
      <c r="BZ30" s="352"/>
      <c r="CA30" s="350" t="s">
        <v>160</v>
      </c>
      <c r="CB30" s="351"/>
      <c r="CC30" s="351"/>
      <c r="CD30" s="351"/>
      <c r="CE30" s="351"/>
      <c r="CF30" s="351"/>
      <c r="CG30" s="351"/>
      <c r="CH30" s="351"/>
      <c r="CI30" s="352"/>
      <c r="CJ30" s="552"/>
      <c r="CK30" s="553"/>
      <c r="CL30" s="553"/>
      <c r="CM30" s="553"/>
      <c r="CN30" s="553"/>
      <c r="CO30" s="553"/>
      <c r="CP30" s="553"/>
      <c r="CQ30" s="553"/>
      <c r="CR30" s="553"/>
      <c r="CS30" s="553"/>
      <c r="CT30" s="553"/>
      <c r="CU30" s="553"/>
      <c r="CV30" s="553"/>
      <c r="CW30" s="553"/>
      <c r="CX30" s="553"/>
      <c r="CY30" s="553"/>
      <c r="CZ30" s="553"/>
      <c r="DA30" s="535" t="s">
        <v>137</v>
      </c>
      <c r="DB30" s="536"/>
      <c r="DC30" s="536"/>
      <c r="DD30" s="536"/>
      <c r="DE30" s="537"/>
      <c r="DF30" s="53"/>
    </row>
    <row r="31" spans="1:111" s="2" customFormat="1" ht="7.5" customHeight="1" x14ac:dyDescent="0.15">
      <c r="A31" s="3"/>
      <c r="B31" s="378"/>
      <c r="C31" s="354"/>
      <c r="D31" s="355"/>
      <c r="E31" s="385"/>
      <c r="F31" s="386"/>
      <c r="G31" s="386"/>
      <c r="H31" s="387"/>
      <c r="I31" s="393"/>
      <c r="J31" s="338"/>
      <c r="K31" s="338"/>
      <c r="L31" s="338"/>
      <c r="M31" s="394"/>
      <c r="N31" s="401"/>
      <c r="O31" s="402"/>
      <c r="P31" s="402"/>
      <c r="Q31" s="402"/>
      <c r="R31" s="402"/>
      <c r="S31" s="402"/>
      <c r="T31" s="402"/>
      <c r="U31" s="402"/>
      <c r="V31" s="402"/>
      <c r="W31" s="402"/>
      <c r="X31" s="402"/>
      <c r="Y31" s="402"/>
      <c r="Z31" s="402"/>
      <c r="AA31" s="402"/>
      <c r="AB31" s="403"/>
      <c r="AC31" s="353"/>
      <c r="AD31" s="354"/>
      <c r="AE31" s="354"/>
      <c r="AF31" s="354"/>
      <c r="AG31" s="354"/>
      <c r="AH31" s="354"/>
      <c r="AI31" s="354"/>
      <c r="AJ31" s="355"/>
      <c r="AK31" s="401"/>
      <c r="AL31" s="402"/>
      <c r="AM31" s="402"/>
      <c r="AN31" s="402"/>
      <c r="AO31" s="402"/>
      <c r="AP31" s="402"/>
      <c r="AQ31" s="402"/>
      <c r="AR31" s="402"/>
      <c r="AS31" s="402"/>
      <c r="AT31" s="402"/>
      <c r="AU31" s="402"/>
      <c r="AV31" s="402"/>
      <c r="AW31" s="402"/>
      <c r="AX31" s="402"/>
      <c r="AY31" s="403"/>
      <c r="AZ31" s="353"/>
      <c r="BA31" s="354"/>
      <c r="BB31" s="354"/>
      <c r="BC31" s="354"/>
      <c r="BD31" s="354"/>
      <c r="BE31" s="355"/>
      <c r="BF31" s="393"/>
      <c r="BG31" s="338"/>
      <c r="BH31" s="338"/>
      <c r="BI31" s="338"/>
      <c r="BJ31" s="338"/>
      <c r="BK31" s="338"/>
      <c r="BL31" s="394"/>
      <c r="BM31" s="353"/>
      <c r="BN31" s="354"/>
      <c r="BO31" s="354"/>
      <c r="BP31" s="354"/>
      <c r="BQ31" s="354"/>
      <c r="BR31" s="354"/>
      <c r="BS31" s="354"/>
      <c r="BT31" s="354"/>
      <c r="BU31" s="354"/>
      <c r="BV31" s="354"/>
      <c r="BW31" s="354"/>
      <c r="BX31" s="354"/>
      <c r="BY31" s="354"/>
      <c r="BZ31" s="355"/>
      <c r="CA31" s="353"/>
      <c r="CB31" s="354"/>
      <c r="CC31" s="354"/>
      <c r="CD31" s="354"/>
      <c r="CE31" s="354"/>
      <c r="CF31" s="354"/>
      <c r="CG31" s="354"/>
      <c r="CH31" s="354"/>
      <c r="CI31" s="355"/>
      <c r="CJ31" s="526"/>
      <c r="CK31" s="527"/>
      <c r="CL31" s="527"/>
      <c r="CM31" s="527"/>
      <c r="CN31" s="527"/>
      <c r="CO31" s="527"/>
      <c r="CP31" s="527"/>
      <c r="CQ31" s="527"/>
      <c r="CR31" s="527"/>
      <c r="CS31" s="527"/>
      <c r="CT31" s="527"/>
      <c r="CU31" s="527"/>
      <c r="CV31" s="527"/>
      <c r="CW31" s="527"/>
      <c r="CX31" s="527"/>
      <c r="CY31" s="527"/>
      <c r="CZ31" s="527"/>
      <c r="DA31" s="538"/>
      <c r="DB31" s="539"/>
      <c r="DC31" s="539"/>
      <c r="DD31" s="539"/>
      <c r="DE31" s="540"/>
      <c r="DF31" s="53"/>
    </row>
    <row r="32" spans="1:111" s="2" customFormat="1" ht="7.5" customHeight="1" x14ac:dyDescent="0.15">
      <c r="A32" s="3"/>
      <c r="B32" s="379"/>
      <c r="C32" s="380"/>
      <c r="D32" s="381"/>
      <c r="E32" s="385"/>
      <c r="F32" s="386"/>
      <c r="G32" s="386"/>
      <c r="H32" s="387"/>
      <c r="I32" s="393"/>
      <c r="J32" s="338"/>
      <c r="K32" s="338"/>
      <c r="L32" s="338"/>
      <c r="M32" s="394"/>
      <c r="N32" s="401"/>
      <c r="O32" s="402"/>
      <c r="P32" s="402"/>
      <c r="Q32" s="402"/>
      <c r="R32" s="402"/>
      <c r="S32" s="402"/>
      <c r="T32" s="402"/>
      <c r="U32" s="402"/>
      <c r="V32" s="402"/>
      <c r="W32" s="402"/>
      <c r="X32" s="402"/>
      <c r="Y32" s="402"/>
      <c r="Z32" s="402"/>
      <c r="AA32" s="402"/>
      <c r="AB32" s="403"/>
      <c r="AC32" s="433"/>
      <c r="AD32" s="380"/>
      <c r="AE32" s="380"/>
      <c r="AF32" s="380"/>
      <c r="AG32" s="380"/>
      <c r="AH32" s="380"/>
      <c r="AI32" s="380"/>
      <c r="AJ32" s="381"/>
      <c r="AK32" s="401"/>
      <c r="AL32" s="402"/>
      <c r="AM32" s="402"/>
      <c r="AN32" s="402"/>
      <c r="AO32" s="402"/>
      <c r="AP32" s="402"/>
      <c r="AQ32" s="402"/>
      <c r="AR32" s="402"/>
      <c r="AS32" s="402"/>
      <c r="AT32" s="402"/>
      <c r="AU32" s="402"/>
      <c r="AV32" s="402"/>
      <c r="AW32" s="402"/>
      <c r="AX32" s="402"/>
      <c r="AY32" s="403"/>
      <c r="AZ32" s="433"/>
      <c r="BA32" s="380"/>
      <c r="BB32" s="380"/>
      <c r="BC32" s="380"/>
      <c r="BD32" s="380"/>
      <c r="BE32" s="381"/>
      <c r="BF32" s="437"/>
      <c r="BG32" s="438"/>
      <c r="BH32" s="438"/>
      <c r="BI32" s="438"/>
      <c r="BJ32" s="438"/>
      <c r="BK32" s="438"/>
      <c r="BL32" s="439"/>
      <c r="BM32" s="433"/>
      <c r="BN32" s="380"/>
      <c r="BO32" s="380"/>
      <c r="BP32" s="380"/>
      <c r="BQ32" s="380"/>
      <c r="BR32" s="380"/>
      <c r="BS32" s="380"/>
      <c r="BT32" s="380"/>
      <c r="BU32" s="380"/>
      <c r="BV32" s="380"/>
      <c r="BW32" s="380"/>
      <c r="BX32" s="380"/>
      <c r="BY32" s="380"/>
      <c r="BZ32" s="381"/>
      <c r="CA32" s="433"/>
      <c r="CB32" s="380"/>
      <c r="CC32" s="380"/>
      <c r="CD32" s="380"/>
      <c r="CE32" s="380"/>
      <c r="CF32" s="380"/>
      <c r="CG32" s="380"/>
      <c r="CH32" s="380"/>
      <c r="CI32" s="381"/>
      <c r="CJ32" s="554"/>
      <c r="CK32" s="555"/>
      <c r="CL32" s="555"/>
      <c r="CM32" s="555"/>
      <c r="CN32" s="555"/>
      <c r="CO32" s="555"/>
      <c r="CP32" s="555"/>
      <c r="CQ32" s="555"/>
      <c r="CR32" s="555"/>
      <c r="CS32" s="555"/>
      <c r="CT32" s="555"/>
      <c r="CU32" s="555"/>
      <c r="CV32" s="555"/>
      <c r="CW32" s="555"/>
      <c r="CX32" s="555"/>
      <c r="CY32" s="555"/>
      <c r="CZ32" s="555"/>
      <c r="DA32" s="538"/>
      <c r="DB32" s="539"/>
      <c r="DC32" s="539"/>
      <c r="DD32" s="539"/>
      <c r="DE32" s="540"/>
      <c r="DF32" s="53"/>
    </row>
    <row r="33" spans="1:111" s="2" customFormat="1" ht="7.5" customHeight="1" x14ac:dyDescent="0.15">
      <c r="A33" s="3"/>
      <c r="B33" s="407" t="s">
        <v>169</v>
      </c>
      <c r="C33" s="408"/>
      <c r="D33" s="409"/>
      <c r="E33" s="385"/>
      <c r="F33" s="386"/>
      <c r="G33" s="386"/>
      <c r="H33" s="387"/>
      <c r="I33" s="393"/>
      <c r="J33" s="338"/>
      <c r="K33" s="338"/>
      <c r="L33" s="338"/>
      <c r="M33" s="394"/>
      <c r="N33" s="401"/>
      <c r="O33" s="402"/>
      <c r="P33" s="402"/>
      <c r="Q33" s="402"/>
      <c r="R33" s="402"/>
      <c r="S33" s="402"/>
      <c r="T33" s="402"/>
      <c r="U33" s="402"/>
      <c r="V33" s="402"/>
      <c r="W33" s="402"/>
      <c r="X33" s="402"/>
      <c r="Y33" s="402"/>
      <c r="Z33" s="402"/>
      <c r="AA33" s="402"/>
      <c r="AB33" s="403"/>
      <c r="AC33" s="430"/>
      <c r="AD33" s="427"/>
      <c r="AE33" s="427"/>
      <c r="AF33" s="427"/>
      <c r="AG33" s="427"/>
      <c r="AH33" s="427"/>
      <c r="AI33" s="427"/>
      <c r="AJ33" s="446"/>
      <c r="AK33" s="401"/>
      <c r="AL33" s="402"/>
      <c r="AM33" s="402"/>
      <c r="AN33" s="402"/>
      <c r="AO33" s="402"/>
      <c r="AP33" s="402"/>
      <c r="AQ33" s="402"/>
      <c r="AR33" s="402"/>
      <c r="AS33" s="402"/>
      <c r="AT33" s="402"/>
      <c r="AU33" s="402"/>
      <c r="AV33" s="402"/>
      <c r="AW33" s="402"/>
      <c r="AX33" s="402"/>
      <c r="AY33" s="403"/>
      <c r="AZ33" s="449"/>
      <c r="BA33" s="440"/>
      <c r="BB33" s="452"/>
      <c r="BC33" s="453"/>
      <c r="BD33" s="440"/>
      <c r="BE33" s="441"/>
      <c r="BF33" s="416" t="s">
        <v>161</v>
      </c>
      <c r="BG33" s="417"/>
      <c r="BH33" s="417"/>
      <c r="BI33" s="417"/>
      <c r="BJ33" s="417"/>
      <c r="BK33" s="417"/>
      <c r="BL33" s="418"/>
      <c r="BM33" s="430"/>
      <c r="BN33" s="427"/>
      <c r="BO33" s="427"/>
      <c r="BP33" s="427"/>
      <c r="BQ33" s="427"/>
      <c r="BR33" s="427"/>
      <c r="BS33" s="427"/>
      <c r="BT33" s="427"/>
      <c r="BU33" s="427"/>
      <c r="BV33" s="427"/>
      <c r="BW33" s="427"/>
      <c r="BX33" s="427"/>
      <c r="BY33" s="427"/>
      <c r="BZ33" s="446"/>
      <c r="CA33" s="544" t="s">
        <v>21</v>
      </c>
      <c r="CB33" s="545"/>
      <c r="CC33" s="545"/>
      <c r="CD33" s="545"/>
      <c r="CE33" s="545"/>
      <c r="CF33" s="545"/>
      <c r="CG33" s="545"/>
      <c r="CH33" s="545"/>
      <c r="CI33" s="546"/>
      <c r="CJ33" s="524"/>
      <c r="CK33" s="525"/>
      <c r="CL33" s="525"/>
      <c r="CM33" s="525"/>
      <c r="CN33" s="525"/>
      <c r="CO33" s="525"/>
      <c r="CP33" s="525"/>
      <c r="CQ33" s="525"/>
      <c r="CR33" s="525"/>
      <c r="CS33" s="525"/>
      <c r="CT33" s="525"/>
      <c r="CU33" s="525"/>
      <c r="CV33" s="525"/>
      <c r="CW33" s="525"/>
      <c r="CX33" s="525"/>
      <c r="CY33" s="525"/>
      <c r="CZ33" s="525"/>
      <c r="DA33" s="538"/>
      <c r="DB33" s="539"/>
      <c r="DC33" s="539"/>
      <c r="DD33" s="539"/>
      <c r="DE33" s="540"/>
      <c r="DF33" s="53"/>
    </row>
    <row r="34" spans="1:111" s="2" customFormat="1" ht="7.5" customHeight="1" x14ac:dyDescent="0.15">
      <c r="A34" s="3"/>
      <c r="B34" s="407"/>
      <c r="C34" s="408"/>
      <c r="D34" s="409"/>
      <c r="E34" s="388"/>
      <c r="F34" s="389"/>
      <c r="G34" s="389"/>
      <c r="H34" s="390"/>
      <c r="I34" s="393"/>
      <c r="J34" s="338"/>
      <c r="K34" s="338"/>
      <c r="L34" s="338"/>
      <c r="M34" s="394"/>
      <c r="N34" s="401"/>
      <c r="O34" s="402"/>
      <c r="P34" s="402"/>
      <c r="Q34" s="402"/>
      <c r="R34" s="402"/>
      <c r="S34" s="402"/>
      <c r="T34" s="402"/>
      <c r="U34" s="402"/>
      <c r="V34" s="402"/>
      <c r="W34" s="402"/>
      <c r="X34" s="402"/>
      <c r="Y34" s="402"/>
      <c r="Z34" s="402"/>
      <c r="AA34" s="402"/>
      <c r="AB34" s="403"/>
      <c r="AC34" s="431"/>
      <c r="AD34" s="428"/>
      <c r="AE34" s="428"/>
      <c r="AF34" s="428"/>
      <c r="AG34" s="428"/>
      <c r="AH34" s="428"/>
      <c r="AI34" s="428"/>
      <c r="AJ34" s="447"/>
      <c r="AK34" s="401"/>
      <c r="AL34" s="402"/>
      <c r="AM34" s="402"/>
      <c r="AN34" s="402"/>
      <c r="AO34" s="402"/>
      <c r="AP34" s="402"/>
      <c r="AQ34" s="402"/>
      <c r="AR34" s="402"/>
      <c r="AS34" s="402"/>
      <c r="AT34" s="402"/>
      <c r="AU34" s="402"/>
      <c r="AV34" s="402"/>
      <c r="AW34" s="402"/>
      <c r="AX34" s="402"/>
      <c r="AY34" s="403"/>
      <c r="AZ34" s="450"/>
      <c r="BA34" s="442"/>
      <c r="BB34" s="454"/>
      <c r="BC34" s="455"/>
      <c r="BD34" s="442"/>
      <c r="BE34" s="443"/>
      <c r="BF34" s="419"/>
      <c r="BG34" s="420"/>
      <c r="BH34" s="420"/>
      <c r="BI34" s="420"/>
      <c r="BJ34" s="420"/>
      <c r="BK34" s="420"/>
      <c r="BL34" s="421"/>
      <c r="BM34" s="431"/>
      <c r="BN34" s="428"/>
      <c r="BO34" s="428"/>
      <c r="BP34" s="428"/>
      <c r="BQ34" s="428"/>
      <c r="BR34" s="428"/>
      <c r="BS34" s="428"/>
      <c r="BT34" s="428"/>
      <c r="BU34" s="428"/>
      <c r="BV34" s="428"/>
      <c r="BW34" s="428"/>
      <c r="BX34" s="428"/>
      <c r="BY34" s="428"/>
      <c r="BZ34" s="447"/>
      <c r="CA34" s="353"/>
      <c r="CB34" s="354"/>
      <c r="CC34" s="354"/>
      <c r="CD34" s="354"/>
      <c r="CE34" s="354"/>
      <c r="CF34" s="354"/>
      <c r="CG34" s="354"/>
      <c r="CH34" s="354"/>
      <c r="CI34" s="355"/>
      <c r="CJ34" s="526"/>
      <c r="CK34" s="527"/>
      <c r="CL34" s="527"/>
      <c r="CM34" s="527"/>
      <c r="CN34" s="527"/>
      <c r="CO34" s="527"/>
      <c r="CP34" s="527"/>
      <c r="CQ34" s="527"/>
      <c r="CR34" s="527"/>
      <c r="CS34" s="527"/>
      <c r="CT34" s="527"/>
      <c r="CU34" s="527"/>
      <c r="CV34" s="527"/>
      <c r="CW34" s="527"/>
      <c r="CX34" s="527"/>
      <c r="CY34" s="527"/>
      <c r="CZ34" s="527"/>
      <c r="DA34" s="541"/>
      <c r="DB34" s="542"/>
      <c r="DC34" s="542"/>
      <c r="DD34" s="542"/>
      <c r="DE34" s="543"/>
      <c r="DF34" s="53"/>
    </row>
    <row r="35" spans="1:111" s="2" customFormat="1" ht="46.5" customHeight="1" thickBot="1" x14ac:dyDescent="0.2">
      <c r="A35" s="3"/>
      <c r="B35" s="410"/>
      <c r="C35" s="411"/>
      <c r="D35" s="412"/>
      <c r="E35" s="434" t="s">
        <v>185</v>
      </c>
      <c r="F35" s="435"/>
      <c r="G35" s="435"/>
      <c r="H35" s="436"/>
      <c r="I35" s="395"/>
      <c r="J35" s="396"/>
      <c r="K35" s="396"/>
      <c r="L35" s="396"/>
      <c r="M35" s="397"/>
      <c r="N35" s="404"/>
      <c r="O35" s="405"/>
      <c r="P35" s="405"/>
      <c r="Q35" s="405"/>
      <c r="R35" s="405"/>
      <c r="S35" s="405"/>
      <c r="T35" s="405"/>
      <c r="U35" s="405"/>
      <c r="V35" s="405"/>
      <c r="W35" s="405"/>
      <c r="X35" s="405"/>
      <c r="Y35" s="405"/>
      <c r="Z35" s="405"/>
      <c r="AA35" s="405"/>
      <c r="AB35" s="406"/>
      <c r="AC35" s="432"/>
      <c r="AD35" s="429"/>
      <c r="AE35" s="429"/>
      <c r="AF35" s="429"/>
      <c r="AG35" s="429"/>
      <c r="AH35" s="429"/>
      <c r="AI35" s="429"/>
      <c r="AJ35" s="448"/>
      <c r="AK35" s="404"/>
      <c r="AL35" s="405"/>
      <c r="AM35" s="405"/>
      <c r="AN35" s="405"/>
      <c r="AO35" s="405"/>
      <c r="AP35" s="405"/>
      <c r="AQ35" s="405"/>
      <c r="AR35" s="405"/>
      <c r="AS35" s="405"/>
      <c r="AT35" s="405"/>
      <c r="AU35" s="405"/>
      <c r="AV35" s="405"/>
      <c r="AW35" s="405"/>
      <c r="AX35" s="405"/>
      <c r="AY35" s="406"/>
      <c r="AZ35" s="451"/>
      <c r="BA35" s="444"/>
      <c r="BB35" s="456"/>
      <c r="BC35" s="457"/>
      <c r="BD35" s="444"/>
      <c r="BE35" s="445"/>
      <c r="BF35" s="422"/>
      <c r="BG35" s="423"/>
      <c r="BH35" s="423"/>
      <c r="BI35" s="423"/>
      <c r="BJ35" s="423"/>
      <c r="BK35" s="423"/>
      <c r="BL35" s="424"/>
      <c r="BM35" s="432"/>
      <c r="BN35" s="429"/>
      <c r="BO35" s="429"/>
      <c r="BP35" s="429"/>
      <c r="BQ35" s="429"/>
      <c r="BR35" s="429"/>
      <c r="BS35" s="429"/>
      <c r="BT35" s="429"/>
      <c r="BU35" s="429"/>
      <c r="BV35" s="429"/>
      <c r="BW35" s="429"/>
      <c r="BX35" s="429"/>
      <c r="BY35" s="429"/>
      <c r="BZ35" s="448"/>
      <c r="CA35" s="547"/>
      <c r="CB35" s="485"/>
      <c r="CC35" s="485"/>
      <c r="CD35" s="485"/>
      <c r="CE35" s="485"/>
      <c r="CF35" s="485"/>
      <c r="CG35" s="485"/>
      <c r="CH35" s="485"/>
      <c r="CI35" s="486"/>
      <c r="CJ35" s="528"/>
      <c r="CK35" s="529"/>
      <c r="CL35" s="529"/>
      <c r="CM35" s="529"/>
      <c r="CN35" s="529"/>
      <c r="CO35" s="529"/>
      <c r="CP35" s="529"/>
      <c r="CQ35" s="529"/>
      <c r="CR35" s="529"/>
      <c r="CS35" s="529"/>
      <c r="CT35" s="529"/>
      <c r="CU35" s="529"/>
      <c r="CV35" s="529"/>
      <c r="CW35" s="529"/>
      <c r="CX35" s="529"/>
      <c r="CY35" s="529"/>
      <c r="CZ35" s="529"/>
      <c r="DA35" s="548"/>
      <c r="DB35" s="549"/>
      <c r="DC35" s="549"/>
      <c r="DD35" s="549"/>
      <c r="DE35" s="550"/>
      <c r="DF35" s="53"/>
    </row>
    <row r="36" spans="1:111" s="53" customFormat="1" ht="27" customHeight="1" x14ac:dyDescent="0.15">
      <c r="A36" s="146"/>
      <c r="B36" s="335" t="s">
        <v>180</v>
      </c>
      <c r="C36" s="336"/>
      <c r="D36" s="143"/>
      <c r="E36" s="341" t="s">
        <v>181</v>
      </c>
      <c r="F36" s="342"/>
      <c r="G36" s="342"/>
      <c r="H36" s="342"/>
      <c r="I36" s="342"/>
      <c r="J36" s="342"/>
      <c r="K36" s="342"/>
      <c r="L36" s="342"/>
      <c r="M36" s="342"/>
      <c r="N36" s="342"/>
      <c r="O36" s="343"/>
      <c r="P36" s="344" t="s">
        <v>105</v>
      </c>
      <c r="Q36" s="345"/>
      <c r="R36" s="345"/>
      <c r="S36" s="345"/>
      <c r="T36" s="345"/>
      <c r="U36" s="345"/>
      <c r="V36" s="345"/>
      <c r="W36" s="345"/>
      <c r="X36" s="345"/>
      <c r="Y36" s="345"/>
      <c r="Z36" s="345"/>
      <c r="AA36" s="345"/>
      <c r="AB36" s="345"/>
      <c r="AC36" s="345"/>
      <c r="AD36" s="345"/>
      <c r="AE36" s="345"/>
      <c r="AF36" s="345"/>
      <c r="AG36" s="345"/>
      <c r="AH36" s="345"/>
      <c r="AI36" s="346"/>
      <c r="AJ36" s="347" t="s">
        <v>170</v>
      </c>
      <c r="AK36" s="348"/>
      <c r="AL36" s="348"/>
      <c r="AM36" s="348"/>
      <c r="AN36" s="348"/>
      <c r="AO36" s="348"/>
      <c r="AP36" s="348"/>
      <c r="AQ36" s="348"/>
      <c r="AR36" s="348"/>
      <c r="AS36" s="348"/>
      <c r="AT36" s="348"/>
      <c r="AU36" s="348"/>
      <c r="AV36" s="348"/>
      <c r="AW36" s="348"/>
      <c r="AX36" s="348"/>
      <c r="AY36" s="349"/>
      <c r="AZ36" s="350" t="s">
        <v>171</v>
      </c>
      <c r="BA36" s="351"/>
      <c r="BB36" s="351"/>
      <c r="BC36" s="351"/>
      <c r="BD36" s="351"/>
      <c r="BE36" s="352"/>
      <c r="BF36" s="359"/>
      <c r="BG36" s="360"/>
      <c r="BH36" s="360"/>
      <c r="BI36" s="360"/>
      <c r="BJ36" s="360"/>
      <c r="BK36" s="360"/>
      <c r="BL36" s="360"/>
      <c r="BM36" s="360"/>
      <c r="BN36" s="360"/>
      <c r="BO36" s="360"/>
      <c r="BP36" s="360"/>
      <c r="BQ36" s="360"/>
      <c r="BR36" s="360"/>
      <c r="BS36" s="360"/>
      <c r="BT36" s="360"/>
      <c r="BU36" s="360"/>
      <c r="BV36" s="360"/>
      <c r="BW36" s="360"/>
      <c r="BX36" s="360"/>
      <c r="BY36" s="360"/>
      <c r="BZ36" s="360"/>
      <c r="CA36" s="360"/>
      <c r="CB36" s="360"/>
      <c r="CC36" s="360"/>
      <c r="CD36" s="360"/>
      <c r="CE36" s="360"/>
      <c r="CF36" s="360"/>
      <c r="CG36" s="360"/>
      <c r="CH36" s="360"/>
      <c r="CI36" s="360"/>
      <c r="CJ36" s="360"/>
      <c r="CK36" s="360"/>
      <c r="CL36" s="360"/>
      <c r="CM36" s="360"/>
      <c r="CN36" s="360"/>
      <c r="CO36" s="360"/>
      <c r="CP36" s="360"/>
      <c r="CQ36" s="360"/>
      <c r="CR36" s="360"/>
      <c r="CS36" s="360"/>
      <c r="CT36" s="360"/>
      <c r="CU36" s="360"/>
      <c r="CV36" s="360"/>
      <c r="CW36" s="360"/>
      <c r="CX36" s="360"/>
      <c r="CY36" s="360"/>
      <c r="CZ36" s="360"/>
      <c r="DA36" s="360"/>
      <c r="DB36" s="360"/>
      <c r="DC36" s="360"/>
      <c r="DD36" s="360"/>
      <c r="DE36" s="361"/>
    </row>
    <row r="37" spans="1:111" s="53" customFormat="1" ht="36" customHeight="1" x14ac:dyDescent="0.15">
      <c r="A37" s="146"/>
      <c r="B37" s="337"/>
      <c r="C37" s="338"/>
      <c r="D37" s="168">
        <v>1</v>
      </c>
      <c r="E37" s="368"/>
      <c r="F37" s="369"/>
      <c r="G37" s="369"/>
      <c r="H37" s="369"/>
      <c r="I37" s="369"/>
      <c r="J37" s="369"/>
      <c r="K37" s="369"/>
      <c r="L37" s="369"/>
      <c r="M37" s="369"/>
      <c r="N37" s="369"/>
      <c r="O37" s="370"/>
      <c r="P37" s="374" t="s">
        <v>172</v>
      </c>
      <c r="Q37" s="375"/>
      <c r="R37" s="375"/>
      <c r="S37" s="375"/>
      <c r="T37" s="375"/>
      <c r="U37" s="375"/>
      <c r="V37" s="375"/>
      <c r="W37" s="375"/>
      <c r="X37" s="375"/>
      <c r="Y37" s="375"/>
      <c r="Z37" s="375"/>
      <c r="AA37" s="375"/>
      <c r="AB37" s="375"/>
      <c r="AC37" s="375"/>
      <c r="AD37" s="375"/>
      <c r="AE37" s="375"/>
      <c r="AF37" s="375"/>
      <c r="AG37" s="375"/>
      <c r="AH37" s="375"/>
      <c r="AI37" s="376"/>
      <c r="AJ37" s="332"/>
      <c r="AK37" s="333"/>
      <c r="AL37" s="333"/>
      <c r="AM37" s="333"/>
      <c r="AN37" s="333"/>
      <c r="AO37" s="333"/>
      <c r="AP37" s="333"/>
      <c r="AQ37" s="333"/>
      <c r="AR37" s="333"/>
      <c r="AS37" s="333"/>
      <c r="AT37" s="333"/>
      <c r="AU37" s="333"/>
      <c r="AV37" s="333"/>
      <c r="AW37" s="333"/>
      <c r="AX37" s="333"/>
      <c r="AY37" s="334"/>
      <c r="AZ37" s="353"/>
      <c r="BA37" s="354"/>
      <c r="BB37" s="354"/>
      <c r="BC37" s="354"/>
      <c r="BD37" s="354"/>
      <c r="BE37" s="355"/>
      <c r="BF37" s="362"/>
      <c r="BG37" s="363"/>
      <c r="BH37" s="363"/>
      <c r="BI37" s="363"/>
      <c r="BJ37" s="363"/>
      <c r="BK37" s="363"/>
      <c r="BL37" s="363"/>
      <c r="BM37" s="363"/>
      <c r="BN37" s="363"/>
      <c r="BO37" s="363"/>
      <c r="BP37" s="363"/>
      <c r="BQ37" s="363"/>
      <c r="BR37" s="363"/>
      <c r="BS37" s="363"/>
      <c r="BT37" s="363"/>
      <c r="BU37" s="363"/>
      <c r="BV37" s="363"/>
      <c r="BW37" s="363"/>
      <c r="BX37" s="363"/>
      <c r="BY37" s="363"/>
      <c r="BZ37" s="363"/>
      <c r="CA37" s="363"/>
      <c r="CB37" s="363"/>
      <c r="CC37" s="363"/>
      <c r="CD37" s="363"/>
      <c r="CE37" s="363"/>
      <c r="CF37" s="363"/>
      <c r="CG37" s="363"/>
      <c r="CH37" s="363"/>
      <c r="CI37" s="363"/>
      <c r="CJ37" s="363"/>
      <c r="CK37" s="363"/>
      <c r="CL37" s="363"/>
      <c r="CM37" s="363"/>
      <c r="CN37" s="363"/>
      <c r="CO37" s="363"/>
      <c r="CP37" s="363"/>
      <c r="CQ37" s="363"/>
      <c r="CR37" s="363"/>
      <c r="CS37" s="363"/>
      <c r="CT37" s="363"/>
      <c r="CU37" s="363"/>
      <c r="CV37" s="363"/>
      <c r="CW37" s="363"/>
      <c r="CX37" s="363"/>
      <c r="CY37" s="363"/>
      <c r="CZ37" s="363"/>
      <c r="DA37" s="363"/>
      <c r="DB37" s="363"/>
      <c r="DC37" s="363"/>
      <c r="DD37" s="363"/>
      <c r="DE37" s="364"/>
    </row>
    <row r="38" spans="1:111" s="53" customFormat="1" ht="36" customHeight="1" x14ac:dyDescent="0.15">
      <c r="A38" s="146"/>
      <c r="B38" s="337"/>
      <c r="C38" s="338"/>
      <c r="D38" s="168">
        <v>2</v>
      </c>
      <c r="E38" s="368"/>
      <c r="F38" s="369"/>
      <c r="G38" s="369"/>
      <c r="H38" s="369"/>
      <c r="I38" s="369"/>
      <c r="J38" s="369"/>
      <c r="K38" s="369"/>
      <c r="L38" s="369"/>
      <c r="M38" s="369"/>
      <c r="N38" s="369"/>
      <c r="O38" s="370"/>
      <c r="P38" s="374" t="s">
        <v>172</v>
      </c>
      <c r="Q38" s="375"/>
      <c r="R38" s="375"/>
      <c r="S38" s="375"/>
      <c r="T38" s="375"/>
      <c r="U38" s="375"/>
      <c r="V38" s="375"/>
      <c r="W38" s="375"/>
      <c r="X38" s="375"/>
      <c r="Y38" s="375"/>
      <c r="Z38" s="375"/>
      <c r="AA38" s="375"/>
      <c r="AB38" s="375"/>
      <c r="AC38" s="375"/>
      <c r="AD38" s="375"/>
      <c r="AE38" s="375"/>
      <c r="AF38" s="375"/>
      <c r="AG38" s="375"/>
      <c r="AH38" s="375"/>
      <c r="AI38" s="376"/>
      <c r="AJ38" s="332"/>
      <c r="AK38" s="333"/>
      <c r="AL38" s="333"/>
      <c r="AM38" s="333"/>
      <c r="AN38" s="333"/>
      <c r="AO38" s="333"/>
      <c r="AP38" s="333"/>
      <c r="AQ38" s="333"/>
      <c r="AR38" s="333"/>
      <c r="AS38" s="333"/>
      <c r="AT38" s="333"/>
      <c r="AU38" s="333"/>
      <c r="AV38" s="333"/>
      <c r="AW38" s="333"/>
      <c r="AX38" s="333"/>
      <c r="AY38" s="334"/>
      <c r="AZ38" s="353"/>
      <c r="BA38" s="354"/>
      <c r="BB38" s="354"/>
      <c r="BC38" s="354"/>
      <c r="BD38" s="354"/>
      <c r="BE38" s="355"/>
      <c r="BF38" s="362"/>
      <c r="BG38" s="363"/>
      <c r="BH38" s="363"/>
      <c r="BI38" s="363"/>
      <c r="BJ38" s="363"/>
      <c r="BK38" s="363"/>
      <c r="BL38" s="363"/>
      <c r="BM38" s="363"/>
      <c r="BN38" s="363"/>
      <c r="BO38" s="363"/>
      <c r="BP38" s="363"/>
      <c r="BQ38" s="363"/>
      <c r="BR38" s="363"/>
      <c r="BS38" s="363"/>
      <c r="BT38" s="363"/>
      <c r="BU38" s="363"/>
      <c r="BV38" s="363"/>
      <c r="BW38" s="363"/>
      <c r="BX38" s="363"/>
      <c r="BY38" s="363"/>
      <c r="BZ38" s="363"/>
      <c r="CA38" s="363"/>
      <c r="CB38" s="363"/>
      <c r="CC38" s="363"/>
      <c r="CD38" s="363"/>
      <c r="CE38" s="363"/>
      <c r="CF38" s="363"/>
      <c r="CG38" s="363"/>
      <c r="CH38" s="363"/>
      <c r="CI38" s="363"/>
      <c r="CJ38" s="363"/>
      <c r="CK38" s="363"/>
      <c r="CL38" s="363"/>
      <c r="CM38" s="363"/>
      <c r="CN38" s="363"/>
      <c r="CO38" s="363"/>
      <c r="CP38" s="363"/>
      <c r="CQ38" s="363"/>
      <c r="CR38" s="363"/>
      <c r="CS38" s="363"/>
      <c r="CT38" s="363"/>
      <c r="CU38" s="363"/>
      <c r="CV38" s="363"/>
      <c r="CW38" s="363"/>
      <c r="CX38" s="363"/>
      <c r="CY38" s="363"/>
      <c r="CZ38" s="363"/>
      <c r="DA38" s="363"/>
      <c r="DB38" s="363"/>
      <c r="DC38" s="363"/>
      <c r="DD38" s="363"/>
      <c r="DE38" s="364"/>
    </row>
    <row r="39" spans="1:111" s="2" customFormat="1" ht="36" customHeight="1" thickBot="1" x14ac:dyDescent="0.2">
      <c r="A39" s="3"/>
      <c r="B39" s="339"/>
      <c r="C39" s="340"/>
      <c r="D39" s="169">
        <v>3</v>
      </c>
      <c r="E39" s="371"/>
      <c r="F39" s="372"/>
      <c r="G39" s="372"/>
      <c r="H39" s="372"/>
      <c r="I39" s="372"/>
      <c r="J39" s="372"/>
      <c r="K39" s="372"/>
      <c r="L39" s="372"/>
      <c r="M39" s="372"/>
      <c r="N39" s="372"/>
      <c r="O39" s="373"/>
      <c r="P39" s="374" t="s">
        <v>172</v>
      </c>
      <c r="Q39" s="375"/>
      <c r="R39" s="375"/>
      <c r="S39" s="375"/>
      <c r="T39" s="375"/>
      <c r="U39" s="375"/>
      <c r="V39" s="375"/>
      <c r="W39" s="375"/>
      <c r="X39" s="375"/>
      <c r="Y39" s="375"/>
      <c r="Z39" s="375"/>
      <c r="AA39" s="375"/>
      <c r="AB39" s="375"/>
      <c r="AC39" s="375"/>
      <c r="AD39" s="375"/>
      <c r="AE39" s="375"/>
      <c r="AF39" s="375"/>
      <c r="AG39" s="375"/>
      <c r="AH39" s="375"/>
      <c r="AI39" s="376"/>
      <c r="AJ39" s="371"/>
      <c r="AK39" s="372"/>
      <c r="AL39" s="372"/>
      <c r="AM39" s="372"/>
      <c r="AN39" s="372"/>
      <c r="AO39" s="372"/>
      <c r="AP39" s="372"/>
      <c r="AQ39" s="372"/>
      <c r="AR39" s="372"/>
      <c r="AS39" s="372"/>
      <c r="AT39" s="372"/>
      <c r="AU39" s="372"/>
      <c r="AV39" s="372"/>
      <c r="AW39" s="372"/>
      <c r="AX39" s="372"/>
      <c r="AY39" s="373"/>
      <c r="AZ39" s="356"/>
      <c r="BA39" s="357"/>
      <c r="BB39" s="357"/>
      <c r="BC39" s="357"/>
      <c r="BD39" s="357"/>
      <c r="BE39" s="358"/>
      <c r="BF39" s="365"/>
      <c r="BG39" s="366"/>
      <c r="BH39" s="366"/>
      <c r="BI39" s="366"/>
      <c r="BJ39" s="366"/>
      <c r="BK39" s="366"/>
      <c r="BL39" s="366"/>
      <c r="BM39" s="366"/>
      <c r="BN39" s="366"/>
      <c r="BO39" s="366"/>
      <c r="BP39" s="366"/>
      <c r="BQ39" s="366"/>
      <c r="BR39" s="366"/>
      <c r="BS39" s="366"/>
      <c r="BT39" s="366"/>
      <c r="BU39" s="366"/>
      <c r="BV39" s="366"/>
      <c r="BW39" s="366"/>
      <c r="BX39" s="366"/>
      <c r="BY39" s="366"/>
      <c r="BZ39" s="366"/>
      <c r="CA39" s="366"/>
      <c r="CB39" s="366"/>
      <c r="CC39" s="366"/>
      <c r="CD39" s="366"/>
      <c r="CE39" s="366"/>
      <c r="CF39" s="366"/>
      <c r="CG39" s="366"/>
      <c r="CH39" s="366"/>
      <c r="CI39" s="366"/>
      <c r="CJ39" s="366"/>
      <c r="CK39" s="366"/>
      <c r="CL39" s="366"/>
      <c r="CM39" s="366"/>
      <c r="CN39" s="366"/>
      <c r="CO39" s="366"/>
      <c r="CP39" s="366"/>
      <c r="CQ39" s="366"/>
      <c r="CR39" s="366"/>
      <c r="CS39" s="366"/>
      <c r="CT39" s="366"/>
      <c r="CU39" s="366"/>
      <c r="CV39" s="366"/>
      <c r="CW39" s="366"/>
      <c r="CX39" s="366"/>
      <c r="CY39" s="366"/>
      <c r="CZ39" s="366"/>
      <c r="DA39" s="366"/>
      <c r="DB39" s="366"/>
      <c r="DC39" s="366"/>
      <c r="DD39" s="366"/>
      <c r="DE39" s="367"/>
      <c r="DF39" s="53"/>
      <c r="DG39" s="53"/>
    </row>
    <row r="40" spans="1:111" s="64" customFormat="1" ht="15" customHeight="1" thickTop="1" thickBot="1" x14ac:dyDescent="0.25">
      <c r="A40" s="72"/>
      <c r="B40" s="100"/>
      <c r="C40" s="67"/>
      <c r="D40" s="112"/>
      <c r="E40" s="112"/>
      <c r="F40" s="112"/>
      <c r="G40" s="112"/>
      <c r="H40" s="113"/>
      <c r="I40" s="113"/>
      <c r="J40" s="113"/>
      <c r="K40" s="113"/>
      <c r="L40" s="113"/>
      <c r="M40" s="114"/>
      <c r="N40" s="114"/>
      <c r="O40" s="114"/>
      <c r="P40" s="114"/>
      <c r="Q40" s="114"/>
      <c r="R40" s="114"/>
      <c r="S40" s="114"/>
      <c r="T40" s="114"/>
      <c r="U40" s="114"/>
      <c r="V40" s="114"/>
      <c r="W40" s="115"/>
      <c r="X40" s="115"/>
      <c r="Y40" s="115"/>
      <c r="Z40" s="115"/>
      <c r="AA40" s="115"/>
      <c r="AB40" s="115"/>
      <c r="AC40" s="115"/>
      <c r="AD40" s="115"/>
      <c r="AE40" s="114"/>
      <c r="AF40" s="114"/>
      <c r="AG40" s="114"/>
      <c r="AH40" s="114"/>
      <c r="AI40" s="114"/>
      <c r="AJ40" s="114"/>
      <c r="AK40" s="114"/>
      <c r="AL40" s="114"/>
      <c r="AM40" s="114"/>
      <c r="AN40" s="114"/>
      <c r="AO40" s="114"/>
      <c r="AP40" s="115"/>
      <c r="AQ40" s="115"/>
      <c r="AR40" s="115"/>
      <c r="AS40" s="115"/>
      <c r="AT40" s="115"/>
      <c r="AU40" s="115"/>
      <c r="AV40" s="115"/>
      <c r="AW40" s="115"/>
      <c r="AX40" s="115"/>
      <c r="AY40" s="116"/>
      <c r="AZ40" s="116"/>
      <c r="BA40" s="116"/>
      <c r="BB40" s="116"/>
      <c r="BC40" s="116"/>
      <c r="BD40" s="116"/>
      <c r="BE40" s="116"/>
      <c r="BF40" s="116"/>
      <c r="BG40" s="116"/>
      <c r="BH40" s="116"/>
      <c r="BI40" s="100"/>
      <c r="BJ40" s="100"/>
      <c r="BK40" s="100"/>
      <c r="BL40" s="100"/>
      <c r="BM40" s="100"/>
      <c r="BN40" s="100"/>
      <c r="BO40" s="67"/>
      <c r="BP40" s="67"/>
      <c r="BQ40" s="67"/>
      <c r="BR40" s="67"/>
      <c r="BS40" s="67"/>
      <c r="BT40" s="67"/>
      <c r="BU40" s="117"/>
      <c r="BV40" s="117"/>
      <c r="BW40" s="67"/>
      <c r="BX40" s="67"/>
      <c r="BY40" s="67"/>
      <c r="BZ40" s="67"/>
      <c r="CA40" s="67"/>
      <c r="CB40" s="67"/>
      <c r="CC40" s="67"/>
      <c r="CD40" s="67"/>
      <c r="CE40" s="67"/>
      <c r="CF40" s="67"/>
      <c r="CG40" s="67"/>
      <c r="CH40" s="115"/>
      <c r="CI40" s="115"/>
      <c r="CJ40" s="115"/>
      <c r="CK40" s="115"/>
      <c r="CL40" s="115"/>
      <c r="CM40" s="115"/>
      <c r="CN40" s="115"/>
      <c r="CO40" s="115"/>
      <c r="CP40" s="115"/>
      <c r="CQ40" s="115"/>
      <c r="CR40" s="115"/>
      <c r="CS40" s="115"/>
      <c r="CT40" s="115"/>
      <c r="CU40" s="115"/>
      <c r="CV40" s="115"/>
      <c r="CW40" s="115"/>
      <c r="CX40" s="115"/>
      <c r="CY40" s="115"/>
      <c r="CZ40" s="115"/>
      <c r="DA40" s="115"/>
      <c r="DB40" s="115"/>
      <c r="DC40" s="115"/>
      <c r="DD40" s="115"/>
      <c r="DE40" s="115"/>
      <c r="DF40" s="53"/>
      <c r="DG40" s="53"/>
    </row>
    <row r="41" spans="1:111" s="103" customFormat="1" ht="11.25" customHeight="1" thickTop="1" x14ac:dyDescent="0.2">
      <c r="A41" s="118"/>
      <c r="B41" s="119"/>
      <c r="C41" s="120"/>
      <c r="D41" s="120"/>
      <c r="E41" s="120"/>
      <c r="F41" s="120"/>
      <c r="G41" s="120"/>
      <c r="H41" s="120"/>
      <c r="I41" s="120"/>
      <c r="J41" s="120"/>
      <c r="K41" s="120"/>
      <c r="L41" s="120"/>
      <c r="M41" s="120"/>
      <c r="N41" s="120"/>
      <c r="O41" s="120"/>
      <c r="P41" s="120"/>
      <c r="Q41" s="120"/>
      <c r="R41" s="120"/>
      <c r="S41" s="120"/>
      <c r="T41" s="120"/>
      <c r="U41" s="120"/>
      <c r="V41" s="120"/>
      <c r="W41" s="120"/>
      <c r="X41" s="120"/>
      <c r="Y41" s="120"/>
      <c r="Z41" s="120"/>
      <c r="AA41" s="120"/>
      <c r="AB41" s="120"/>
      <c r="AC41" s="120"/>
      <c r="AD41" s="120"/>
      <c r="AE41" s="120"/>
      <c r="AF41" s="120"/>
      <c r="AG41" s="120"/>
      <c r="AH41" s="120"/>
      <c r="AI41" s="120"/>
      <c r="AJ41" s="120"/>
      <c r="AK41" s="120"/>
      <c r="AL41" s="120"/>
      <c r="AM41" s="120"/>
      <c r="AN41" s="121"/>
      <c r="AO41" s="121"/>
      <c r="AP41" s="121"/>
      <c r="AQ41" s="121"/>
      <c r="AR41" s="121"/>
      <c r="AS41" s="121"/>
      <c r="AT41" s="121"/>
      <c r="AU41" s="121"/>
      <c r="AV41" s="122"/>
      <c r="AW41" s="122"/>
      <c r="AX41" s="122"/>
      <c r="AY41" s="122"/>
      <c r="AZ41" s="122"/>
      <c r="BA41" s="122"/>
      <c r="BB41" s="122"/>
      <c r="BC41" s="122"/>
      <c r="BD41" s="122"/>
      <c r="BE41" s="122"/>
      <c r="BF41" s="122"/>
      <c r="BG41" s="122"/>
      <c r="BH41" s="122"/>
      <c r="BI41" s="122"/>
      <c r="BJ41" s="122"/>
      <c r="BK41" s="122"/>
      <c r="BL41" s="122"/>
      <c r="BM41" s="122"/>
      <c r="BN41" s="122"/>
      <c r="BO41" s="122"/>
      <c r="BP41" s="122"/>
      <c r="BQ41" s="122"/>
      <c r="BR41" s="122"/>
      <c r="BS41" s="122"/>
      <c r="BT41" s="122"/>
      <c r="BU41" s="122"/>
      <c r="BV41" s="122"/>
      <c r="BW41" s="122"/>
      <c r="BX41" s="122"/>
      <c r="BY41" s="122"/>
      <c r="BZ41" s="122"/>
      <c r="CA41" s="122"/>
      <c r="CB41" s="122"/>
      <c r="CC41" s="122"/>
      <c r="CD41" s="122"/>
      <c r="CE41" s="122"/>
      <c r="CF41" s="122"/>
      <c r="CG41" s="122"/>
      <c r="CH41" s="122"/>
      <c r="CI41" s="122"/>
      <c r="CJ41" s="122"/>
      <c r="CK41" s="122"/>
      <c r="CL41" s="122"/>
      <c r="CM41" s="122"/>
      <c r="CN41" s="122"/>
      <c r="CO41" s="122"/>
      <c r="CP41" s="122"/>
      <c r="CQ41" s="122"/>
      <c r="CR41" s="122"/>
      <c r="CS41" s="122"/>
      <c r="CT41" s="122"/>
      <c r="CU41" s="122"/>
      <c r="CV41" s="122"/>
      <c r="CW41" s="122"/>
      <c r="CX41" s="122"/>
      <c r="CY41" s="122"/>
      <c r="CZ41" s="122"/>
      <c r="DA41" s="122"/>
      <c r="DB41" s="122"/>
      <c r="DC41" s="122"/>
      <c r="DD41" s="122"/>
      <c r="DE41" s="123"/>
      <c r="DF41" s="140"/>
      <c r="DG41" s="140"/>
    </row>
    <row r="42" spans="1:111" s="103" customFormat="1" ht="18.600000000000001" customHeight="1" x14ac:dyDescent="0.2">
      <c r="A42" s="118"/>
      <c r="B42" s="171" t="s">
        <v>186</v>
      </c>
      <c r="C42" s="107"/>
      <c r="E42" s="107"/>
      <c r="F42" s="172"/>
      <c r="G42" s="107"/>
      <c r="H42" s="107"/>
      <c r="I42" s="107"/>
      <c r="J42" s="172"/>
      <c r="K42" s="107"/>
      <c r="L42" s="107"/>
      <c r="M42" s="107"/>
      <c r="N42" s="107" t="s">
        <v>87</v>
      </c>
      <c r="O42" s="107"/>
      <c r="P42" s="104"/>
      <c r="Q42" s="104"/>
      <c r="R42" s="104"/>
      <c r="S42" s="104"/>
      <c r="T42" s="104"/>
      <c r="U42" s="104"/>
      <c r="V42" s="104"/>
      <c r="W42" s="104"/>
      <c r="X42" s="104"/>
      <c r="Y42" s="104"/>
      <c r="Z42" s="104"/>
      <c r="AA42" s="104"/>
      <c r="AB42" s="104"/>
      <c r="AC42" s="104"/>
      <c r="AD42" s="104"/>
      <c r="AE42" s="104"/>
      <c r="AF42" s="104"/>
      <c r="AG42" s="104"/>
      <c r="AH42" s="104"/>
      <c r="AI42" s="104"/>
      <c r="AJ42" s="104"/>
      <c r="AK42" s="104"/>
      <c r="AL42" s="104"/>
      <c r="AM42" s="104"/>
      <c r="AN42" s="124"/>
      <c r="AO42" s="124"/>
      <c r="AP42" s="124"/>
      <c r="AQ42" s="124"/>
      <c r="AR42" s="124"/>
      <c r="AS42" s="124"/>
      <c r="AT42" s="124"/>
      <c r="AU42" s="124"/>
      <c r="BJ42" s="173" t="s">
        <v>15</v>
      </c>
      <c r="BK42" s="173"/>
      <c r="BL42" s="173"/>
      <c r="BM42" s="173"/>
      <c r="BN42" s="173"/>
      <c r="BO42" s="173"/>
      <c r="BP42" s="173"/>
      <c r="BQ42" s="173"/>
      <c r="BR42" s="173"/>
      <c r="BS42" s="172"/>
      <c r="BT42" s="172"/>
      <c r="BU42" s="172"/>
      <c r="BV42" s="172"/>
      <c r="BW42" s="172"/>
      <c r="BX42" s="172"/>
      <c r="BY42" s="172"/>
      <c r="BZ42" s="172"/>
      <c r="CA42" s="172"/>
      <c r="CB42" s="172"/>
      <c r="CC42" s="172"/>
      <c r="CD42" s="172"/>
      <c r="CE42" s="172"/>
      <c r="CF42" s="172"/>
      <c r="CG42" s="172"/>
      <c r="CH42" s="172"/>
      <c r="CI42" s="172"/>
      <c r="CJ42" s="172"/>
      <c r="CK42" s="172"/>
      <c r="CL42" s="172"/>
      <c r="CM42" s="172"/>
      <c r="CN42" s="172"/>
      <c r="DE42" s="125"/>
      <c r="DF42" s="140"/>
      <c r="DG42" s="140"/>
    </row>
    <row r="43" spans="1:111" s="103" customFormat="1" ht="16.5" customHeight="1" x14ac:dyDescent="0.2">
      <c r="A43" s="118"/>
      <c r="B43" s="171"/>
      <c r="C43" s="107"/>
      <c r="D43" s="107"/>
      <c r="E43" s="107"/>
      <c r="F43" s="172"/>
      <c r="G43" s="107"/>
      <c r="H43" s="107"/>
      <c r="I43" s="107"/>
      <c r="J43" s="172"/>
      <c r="K43" s="107"/>
      <c r="L43" s="107"/>
      <c r="M43" s="107"/>
      <c r="N43" s="107" t="s">
        <v>88</v>
      </c>
      <c r="O43" s="107"/>
      <c r="P43" s="104"/>
      <c r="Q43" s="104"/>
      <c r="R43" s="104"/>
      <c r="S43" s="104"/>
      <c r="T43" s="104"/>
      <c r="U43" s="104"/>
      <c r="V43" s="104"/>
      <c r="W43" s="104"/>
      <c r="X43" s="104"/>
      <c r="Y43" s="104"/>
      <c r="Z43" s="104"/>
      <c r="AA43" s="104"/>
      <c r="AB43" s="104"/>
      <c r="AC43" s="104"/>
      <c r="AD43" s="104"/>
      <c r="AE43" s="104"/>
      <c r="AF43" s="104"/>
      <c r="AG43" s="104"/>
      <c r="AH43" s="104"/>
      <c r="AI43" s="104"/>
      <c r="AJ43" s="104"/>
      <c r="AK43" s="104"/>
      <c r="AL43" s="104"/>
      <c r="AM43" s="104"/>
      <c r="AN43" s="124"/>
      <c r="AO43" s="124"/>
      <c r="AP43" s="124"/>
      <c r="AQ43" s="124"/>
      <c r="AR43" s="124"/>
      <c r="AS43" s="124"/>
      <c r="AT43" s="124"/>
      <c r="AU43" s="124"/>
      <c r="BJ43" s="172"/>
      <c r="BK43" s="172"/>
      <c r="BL43" s="172"/>
      <c r="BM43" s="172"/>
      <c r="BN43" s="172"/>
      <c r="BO43" s="172"/>
      <c r="BP43" s="172"/>
      <c r="BQ43" s="172"/>
      <c r="BR43" s="172"/>
      <c r="BS43" s="172"/>
      <c r="BT43" s="174"/>
      <c r="BU43" s="172"/>
      <c r="BV43" s="172"/>
      <c r="BW43" s="172"/>
      <c r="BX43" s="172"/>
      <c r="BY43" s="172"/>
      <c r="BZ43" s="172"/>
      <c r="CA43" s="172"/>
      <c r="CB43" s="172"/>
      <c r="CC43" s="172"/>
      <c r="CD43" s="172"/>
      <c r="CE43" s="172"/>
      <c r="CF43" s="172"/>
      <c r="CG43" s="172"/>
      <c r="CH43" s="174"/>
      <c r="CI43" s="172"/>
      <c r="CJ43" s="172"/>
      <c r="CK43" s="172"/>
      <c r="CL43" s="172"/>
      <c r="CM43" s="172"/>
      <c r="CN43" s="172"/>
      <c r="DE43" s="125"/>
      <c r="DF43" s="140"/>
      <c r="DG43" s="140"/>
    </row>
    <row r="44" spans="1:111" s="130" customFormat="1" ht="10.5" customHeight="1" x14ac:dyDescent="0.2">
      <c r="A44" s="127"/>
      <c r="B44" s="128"/>
      <c r="C44" s="110"/>
      <c r="D44" s="110"/>
      <c r="E44" s="110"/>
      <c r="F44" s="110"/>
      <c r="G44" s="110"/>
      <c r="H44" s="110"/>
      <c r="I44" s="110"/>
      <c r="J44" s="110"/>
      <c r="K44" s="110"/>
      <c r="L44" s="110"/>
      <c r="M44" s="110"/>
      <c r="N44" s="110"/>
      <c r="O44" s="110"/>
      <c r="P44" s="110"/>
      <c r="Q44" s="110"/>
      <c r="R44" s="110"/>
      <c r="S44" s="110"/>
      <c r="T44" s="110"/>
      <c r="U44" s="110"/>
      <c r="V44" s="110"/>
      <c r="W44" s="110"/>
      <c r="X44" s="110"/>
      <c r="Y44" s="110"/>
      <c r="Z44" s="110"/>
      <c r="AA44" s="110"/>
      <c r="AB44" s="110"/>
      <c r="AC44" s="110"/>
      <c r="AD44" s="110"/>
      <c r="AE44" s="110"/>
      <c r="AF44" s="110"/>
      <c r="AG44" s="110"/>
      <c r="AH44" s="110"/>
      <c r="AI44" s="110"/>
      <c r="AJ44" s="110"/>
      <c r="AK44" s="110"/>
      <c r="AL44" s="110"/>
      <c r="AM44" s="110"/>
      <c r="AN44" s="129"/>
      <c r="AO44" s="129"/>
      <c r="AP44" s="129"/>
      <c r="AQ44" s="129"/>
      <c r="AR44" s="129"/>
      <c r="AS44" s="129"/>
      <c r="AT44" s="129"/>
      <c r="AU44" s="129"/>
      <c r="AV44" s="126"/>
      <c r="AW44" s="126"/>
      <c r="AX44" s="126"/>
      <c r="AY44" s="126"/>
      <c r="AZ44" s="126"/>
      <c r="BA44" s="126"/>
      <c r="BB44" s="126"/>
      <c r="BC44" s="126"/>
      <c r="BD44" s="126"/>
      <c r="BE44" s="126"/>
      <c r="BF44" s="126"/>
      <c r="BG44" s="126"/>
      <c r="BH44" s="126"/>
      <c r="BI44" s="126"/>
      <c r="BJ44" s="172"/>
      <c r="BK44" s="172"/>
      <c r="BL44" s="172"/>
      <c r="BM44" s="172"/>
      <c r="BN44" s="172"/>
      <c r="BO44" s="172"/>
      <c r="BP44" s="172"/>
      <c r="BQ44" s="172"/>
      <c r="BR44" s="175"/>
      <c r="BS44" s="173"/>
      <c r="BT44" s="173"/>
      <c r="BU44" s="173"/>
      <c r="BV44" s="173"/>
      <c r="BW44" s="173"/>
      <c r="BX44" s="173"/>
      <c r="BY44" s="173"/>
      <c r="BZ44" s="173"/>
      <c r="CA44" s="173"/>
      <c r="CB44" s="173"/>
      <c r="CC44" s="173"/>
      <c r="CD44" s="173"/>
      <c r="CE44" s="173"/>
      <c r="CF44" s="173"/>
      <c r="CG44" s="173"/>
      <c r="CH44" s="176"/>
      <c r="CI44" s="174"/>
      <c r="CJ44" s="174"/>
      <c r="CK44" s="174"/>
      <c r="CL44" s="174"/>
      <c r="CM44" s="174"/>
      <c r="CN44" s="174"/>
      <c r="CO44" s="126"/>
      <c r="CP44" s="126"/>
      <c r="CQ44" s="126"/>
      <c r="CR44" s="126"/>
      <c r="CS44" s="126"/>
      <c r="CT44" s="126"/>
      <c r="CU44" s="110"/>
      <c r="CV44" s="126"/>
      <c r="CW44" s="126"/>
      <c r="CX44" s="126"/>
      <c r="CY44" s="126"/>
      <c r="CZ44" s="126"/>
      <c r="DA44" s="126"/>
      <c r="DB44" s="126"/>
      <c r="DC44" s="126"/>
      <c r="DD44" s="126"/>
      <c r="DE44" s="132"/>
      <c r="DF44" s="140"/>
      <c r="DG44" s="140"/>
    </row>
    <row r="45" spans="1:111" s="130" customFormat="1" ht="21" customHeight="1" x14ac:dyDescent="0.2">
      <c r="A45" s="127"/>
      <c r="B45" s="170" t="s">
        <v>89</v>
      </c>
      <c r="C45" s="110"/>
      <c r="D45" s="110"/>
      <c r="E45" s="110"/>
      <c r="F45" s="110"/>
      <c r="G45" s="110"/>
      <c r="H45" s="110"/>
      <c r="I45" s="110"/>
      <c r="J45" s="110"/>
      <c r="K45" s="110"/>
      <c r="L45" s="110"/>
      <c r="M45" s="110"/>
      <c r="N45" s="110"/>
      <c r="O45" s="110"/>
      <c r="P45" s="110"/>
      <c r="Q45" s="110"/>
      <c r="R45" s="110"/>
      <c r="S45" s="110"/>
      <c r="T45" s="110"/>
      <c r="U45" s="110"/>
      <c r="V45" s="110"/>
      <c r="W45" s="110"/>
      <c r="X45" s="110"/>
      <c r="Y45" s="110"/>
      <c r="Z45" s="110"/>
      <c r="AA45" s="110"/>
      <c r="AB45" s="110"/>
      <c r="AC45" s="110"/>
      <c r="AD45" s="110"/>
      <c r="AE45" s="110"/>
      <c r="AF45" s="110"/>
      <c r="AG45" s="110"/>
      <c r="AH45" s="110"/>
      <c r="AI45" s="110"/>
      <c r="AJ45" s="110"/>
      <c r="AK45" s="110"/>
      <c r="AL45" s="110"/>
      <c r="AM45" s="110"/>
      <c r="AN45" s="129"/>
      <c r="AO45" s="129"/>
      <c r="AP45" s="129"/>
      <c r="AQ45" s="129"/>
      <c r="AR45" s="129"/>
      <c r="AS45" s="129"/>
      <c r="AT45" s="129"/>
      <c r="AU45" s="129"/>
      <c r="AV45" s="133"/>
      <c r="AW45" s="133"/>
      <c r="AX45" s="133"/>
      <c r="AY45" s="133"/>
      <c r="AZ45" s="133"/>
      <c r="BA45" s="133"/>
      <c r="BB45" s="133"/>
      <c r="BC45" s="131"/>
      <c r="BD45" s="131"/>
      <c r="BE45" s="131"/>
      <c r="BF45" s="131"/>
      <c r="BG45" s="131"/>
      <c r="BH45" s="131"/>
      <c r="BI45" s="131"/>
      <c r="BJ45" s="173" t="s">
        <v>85</v>
      </c>
      <c r="BK45" s="173"/>
      <c r="BL45" s="173"/>
      <c r="BM45" s="173"/>
      <c r="BN45" s="173"/>
      <c r="BO45" s="173"/>
      <c r="BP45" s="173"/>
      <c r="BQ45" s="173"/>
      <c r="BR45" s="173"/>
      <c r="BS45" s="173"/>
      <c r="BT45" s="173"/>
      <c r="BV45" s="173"/>
      <c r="BW45" s="173"/>
      <c r="BX45" s="173" t="s">
        <v>13</v>
      </c>
      <c r="BY45" s="173"/>
      <c r="BZ45" s="173"/>
      <c r="CA45" s="173"/>
      <c r="CB45" s="173"/>
      <c r="CC45" s="173"/>
      <c r="CD45" s="173"/>
      <c r="CE45" s="173"/>
      <c r="CF45" s="173"/>
      <c r="CG45" s="173"/>
      <c r="CH45" s="176"/>
      <c r="CI45" s="176"/>
      <c r="CJ45" s="176"/>
      <c r="CK45" s="176"/>
      <c r="CL45" s="176"/>
      <c r="CM45" s="176"/>
      <c r="CN45" s="176"/>
      <c r="CO45" s="131"/>
      <c r="CP45" s="131"/>
      <c r="CQ45" s="131"/>
      <c r="CR45" s="131"/>
      <c r="CS45" s="131"/>
      <c r="CT45" s="131"/>
      <c r="CU45" s="110"/>
      <c r="CV45" s="131"/>
      <c r="CW45" s="131"/>
      <c r="CX45" s="131"/>
      <c r="CY45" s="131"/>
      <c r="CZ45" s="131"/>
      <c r="DA45" s="131"/>
      <c r="DB45" s="131"/>
      <c r="DC45" s="131"/>
      <c r="DD45" s="131"/>
      <c r="DE45" s="132"/>
      <c r="DF45" s="140"/>
      <c r="DG45" s="140"/>
    </row>
    <row r="46" spans="1:111" s="130" customFormat="1" ht="21" customHeight="1" x14ac:dyDescent="0.2">
      <c r="A46" s="127"/>
      <c r="B46" s="170" t="s">
        <v>82</v>
      </c>
      <c r="C46" s="110"/>
      <c r="D46" s="110"/>
      <c r="E46" s="110"/>
      <c r="F46" s="110"/>
      <c r="G46" s="110"/>
      <c r="H46" s="110"/>
      <c r="I46" s="110"/>
      <c r="J46" s="110"/>
      <c r="K46" s="110"/>
      <c r="L46" s="110"/>
      <c r="M46" s="110"/>
      <c r="N46" s="110"/>
      <c r="O46" s="110"/>
      <c r="P46" s="110"/>
      <c r="Q46" s="110"/>
      <c r="R46" s="110"/>
      <c r="S46" s="110"/>
      <c r="T46" s="110"/>
      <c r="U46" s="110"/>
      <c r="V46" s="110"/>
      <c r="W46" s="110"/>
      <c r="X46" s="110"/>
      <c r="Y46" s="110"/>
      <c r="Z46" s="110"/>
      <c r="AA46" s="110"/>
      <c r="AB46" s="110"/>
      <c r="AC46" s="110"/>
      <c r="AD46" s="110"/>
      <c r="AE46" s="110"/>
      <c r="AF46" s="110"/>
      <c r="AG46" s="110"/>
      <c r="AH46" s="110"/>
      <c r="AI46" s="110"/>
      <c r="AJ46" s="110"/>
      <c r="AK46" s="110"/>
      <c r="AL46" s="110"/>
      <c r="AM46" s="110"/>
      <c r="AN46" s="129"/>
      <c r="AO46" s="129"/>
      <c r="AP46" s="129"/>
      <c r="AQ46" s="129"/>
      <c r="AR46" s="129"/>
      <c r="AS46" s="129"/>
      <c r="AT46" s="129"/>
      <c r="AU46" s="129"/>
      <c r="AV46" s="133"/>
      <c r="AW46" s="133"/>
      <c r="AX46" s="133"/>
      <c r="AY46" s="133"/>
      <c r="AZ46" s="133"/>
      <c r="BA46" s="133"/>
      <c r="BB46" s="133"/>
      <c r="BC46" s="131"/>
      <c r="BD46" s="131"/>
      <c r="BE46" s="131"/>
      <c r="BF46" s="131"/>
      <c r="BG46" s="131"/>
      <c r="BH46" s="131"/>
      <c r="BI46" s="131"/>
      <c r="BJ46" s="177" t="s">
        <v>97</v>
      </c>
      <c r="BK46" s="177"/>
      <c r="BL46" s="177"/>
      <c r="BM46" s="177"/>
      <c r="BN46" s="177"/>
      <c r="BO46" s="177"/>
      <c r="BP46" s="177"/>
      <c r="BQ46" s="173"/>
      <c r="BR46" s="173"/>
      <c r="BS46" s="173"/>
      <c r="BT46" s="173"/>
      <c r="BU46" s="173"/>
      <c r="BV46" s="173"/>
      <c r="BW46" s="173"/>
      <c r="BX46" s="173"/>
      <c r="BY46" s="173"/>
      <c r="BZ46" s="173"/>
      <c r="CA46" s="173"/>
      <c r="CB46" s="173"/>
      <c r="CC46" s="173"/>
      <c r="CD46" s="173"/>
      <c r="CE46" s="173"/>
      <c r="CF46" s="173"/>
      <c r="CG46" s="173"/>
      <c r="CH46" s="174"/>
      <c r="CI46" s="176"/>
      <c r="CJ46" s="176"/>
      <c r="CK46" s="176"/>
      <c r="CL46" s="176"/>
      <c r="CM46" s="176"/>
      <c r="CN46" s="176"/>
      <c r="CO46" s="131"/>
      <c r="CP46" s="131"/>
      <c r="CQ46" s="131"/>
      <c r="CR46" s="131"/>
      <c r="CS46" s="131"/>
      <c r="CT46" s="131"/>
      <c r="CU46" s="110"/>
      <c r="CV46" s="131"/>
      <c r="CW46" s="131"/>
      <c r="CX46" s="131"/>
      <c r="CY46" s="131"/>
      <c r="CZ46" s="131"/>
      <c r="DA46" s="131"/>
      <c r="DB46" s="131"/>
      <c r="DC46" s="131"/>
      <c r="DD46" s="131"/>
      <c r="DE46" s="132"/>
      <c r="DF46" s="140"/>
      <c r="DG46" s="140"/>
    </row>
    <row r="47" spans="1:111" s="130" customFormat="1" ht="18" customHeight="1" x14ac:dyDescent="0.2">
      <c r="A47" s="127"/>
      <c r="B47" s="128"/>
      <c r="C47" s="110"/>
      <c r="D47" s="110"/>
      <c r="E47" s="110"/>
      <c r="F47" s="110"/>
      <c r="G47" s="110"/>
      <c r="H47" s="110"/>
      <c r="I47" s="110"/>
      <c r="J47" s="110"/>
      <c r="K47" s="110"/>
      <c r="L47" s="110"/>
      <c r="M47" s="110"/>
      <c r="N47" s="110"/>
      <c r="O47" s="110"/>
      <c r="P47" s="110"/>
      <c r="Q47" s="110"/>
      <c r="R47" s="110"/>
      <c r="S47" s="110"/>
      <c r="T47" s="110"/>
      <c r="U47" s="110"/>
      <c r="V47" s="110"/>
      <c r="W47" s="110"/>
      <c r="X47" s="110"/>
      <c r="Y47" s="110"/>
      <c r="Z47" s="110"/>
      <c r="AA47" s="110"/>
      <c r="AB47" s="110"/>
      <c r="AC47" s="110"/>
      <c r="AD47" s="110"/>
      <c r="AE47" s="110"/>
      <c r="AF47" s="110"/>
      <c r="AG47" s="110"/>
      <c r="AH47" s="110"/>
      <c r="AI47" s="110"/>
      <c r="AJ47" s="110"/>
      <c r="AK47" s="110"/>
      <c r="AL47" s="110"/>
      <c r="AM47" s="110"/>
      <c r="AN47" s="129"/>
      <c r="AO47" s="129"/>
      <c r="AP47" s="129"/>
      <c r="AQ47" s="129"/>
      <c r="AR47" s="129"/>
      <c r="AS47" s="129"/>
      <c r="AT47" s="129"/>
      <c r="AU47" s="129"/>
      <c r="AV47" s="126"/>
      <c r="AW47" s="126"/>
      <c r="AX47" s="126"/>
      <c r="AY47" s="126"/>
      <c r="AZ47" s="126"/>
      <c r="BA47" s="126"/>
      <c r="BB47" s="126"/>
      <c r="BC47" s="126"/>
      <c r="BD47" s="126"/>
      <c r="BE47" s="126"/>
      <c r="BF47" s="126"/>
      <c r="BG47" s="126"/>
      <c r="BH47" s="126"/>
      <c r="BI47" s="126"/>
      <c r="BJ47" s="173" t="s">
        <v>73</v>
      </c>
      <c r="BK47" s="173"/>
      <c r="BL47" s="173"/>
      <c r="BM47" s="173"/>
      <c r="BN47" s="173"/>
      <c r="BO47" s="173"/>
      <c r="BP47" s="173"/>
      <c r="BQ47" s="173"/>
      <c r="BR47" s="173"/>
      <c r="BS47" s="173"/>
      <c r="BT47" s="173"/>
      <c r="BU47" s="173"/>
      <c r="BV47" s="173"/>
      <c r="BW47" s="173"/>
      <c r="BX47" s="173"/>
      <c r="BY47" s="173"/>
      <c r="BZ47" s="173"/>
      <c r="CA47" s="173"/>
      <c r="CB47" s="173"/>
      <c r="CC47" s="173"/>
      <c r="CD47" s="173"/>
      <c r="CE47" s="175"/>
      <c r="CF47" s="174"/>
      <c r="CG47" s="173"/>
      <c r="CH47" s="175"/>
      <c r="CI47" s="174"/>
      <c r="CJ47" s="174"/>
      <c r="CK47" s="174"/>
      <c r="CL47" s="174"/>
      <c r="CM47" s="174"/>
      <c r="CN47" s="173" t="s">
        <v>16</v>
      </c>
      <c r="CO47" s="126"/>
      <c r="CP47" s="126"/>
      <c r="CQ47" s="126"/>
      <c r="CR47" s="126"/>
      <c r="CS47" s="126"/>
      <c r="CT47" s="126"/>
      <c r="CU47" s="110"/>
      <c r="CV47" s="126"/>
      <c r="CW47" s="126"/>
      <c r="CX47" s="126"/>
      <c r="CY47" s="126"/>
      <c r="CZ47" s="126"/>
      <c r="DA47" s="126"/>
      <c r="DB47" s="126"/>
      <c r="DC47" s="126"/>
      <c r="DD47" s="126"/>
      <c r="DE47" s="132"/>
      <c r="DF47" s="140"/>
      <c r="DG47" s="140"/>
    </row>
    <row r="48" spans="1:111" s="130" customFormat="1" ht="14.25" customHeight="1" x14ac:dyDescent="0.2">
      <c r="A48" s="127"/>
      <c r="B48" s="128"/>
      <c r="C48" s="110"/>
      <c r="D48" s="110"/>
      <c r="E48" s="110"/>
      <c r="F48" s="110"/>
      <c r="G48" s="110"/>
      <c r="H48" s="110"/>
      <c r="I48" s="110"/>
      <c r="J48" s="110"/>
      <c r="K48" s="110"/>
      <c r="L48" s="110"/>
      <c r="M48" s="110"/>
      <c r="N48" s="110"/>
      <c r="O48" s="110"/>
      <c r="P48" s="110"/>
      <c r="Q48" s="110"/>
      <c r="R48" s="110"/>
      <c r="S48" s="110"/>
      <c r="T48" s="110"/>
      <c r="U48" s="110"/>
      <c r="V48" s="516"/>
      <c r="W48" s="516"/>
      <c r="X48" s="516"/>
      <c r="Y48" s="516"/>
      <c r="Z48" s="516"/>
      <c r="AA48" s="110"/>
      <c r="AB48" s="110"/>
      <c r="AC48" s="126"/>
      <c r="AD48" s="126"/>
      <c r="AE48" s="126"/>
      <c r="AF48" s="126"/>
      <c r="AG48" s="126"/>
      <c r="AH48" s="126"/>
      <c r="AI48" s="126"/>
      <c r="AJ48" s="126"/>
      <c r="AK48" s="126"/>
      <c r="AL48" s="126"/>
      <c r="AM48" s="126"/>
      <c r="AN48" s="129"/>
      <c r="AO48" s="129"/>
      <c r="AP48" s="129"/>
      <c r="AQ48" s="129"/>
      <c r="AR48" s="129"/>
      <c r="AS48" s="129"/>
      <c r="AT48" s="129"/>
      <c r="AU48" s="129"/>
      <c r="AV48" s="126"/>
      <c r="AW48" s="134"/>
      <c r="AX48" s="134"/>
      <c r="AY48" s="134"/>
      <c r="AZ48" s="134"/>
      <c r="BA48" s="134"/>
      <c r="BB48" s="134"/>
      <c r="BC48" s="126"/>
      <c r="BD48" s="126"/>
      <c r="BE48" s="126"/>
      <c r="BF48" s="126"/>
      <c r="BG48" s="126"/>
      <c r="BH48" s="126"/>
      <c r="BI48" s="126"/>
      <c r="BJ48" s="174"/>
      <c r="BK48" s="174"/>
      <c r="BL48" s="174"/>
      <c r="BM48" s="174"/>
      <c r="BN48" s="174"/>
      <c r="BO48" s="174"/>
      <c r="BP48" s="174"/>
      <c r="BQ48" s="174"/>
      <c r="BR48" s="174"/>
      <c r="BS48" s="174"/>
      <c r="BT48" s="174"/>
      <c r="BU48" s="173"/>
      <c r="BV48" s="173"/>
      <c r="BW48" s="173"/>
      <c r="BX48" s="173"/>
      <c r="BY48" s="173"/>
      <c r="BZ48" s="173"/>
      <c r="CA48" s="173"/>
      <c r="CB48" s="173"/>
      <c r="CC48" s="173"/>
      <c r="CD48" s="173"/>
      <c r="CE48" s="173"/>
      <c r="CF48" s="173"/>
      <c r="CG48" s="173"/>
      <c r="CH48" s="173"/>
      <c r="CI48" s="173"/>
      <c r="CJ48" s="173"/>
      <c r="CK48" s="173"/>
      <c r="CL48" s="173"/>
      <c r="CM48" s="173"/>
      <c r="CN48" s="173"/>
      <c r="CO48" s="110"/>
      <c r="CP48" s="110"/>
      <c r="CQ48" s="110"/>
      <c r="CR48" s="110"/>
      <c r="CS48" s="110"/>
      <c r="CT48" s="110"/>
      <c r="CU48" s="110"/>
      <c r="CV48" s="126"/>
      <c r="CW48" s="126"/>
      <c r="CX48" s="126"/>
      <c r="CY48" s="126"/>
      <c r="CZ48" s="126"/>
      <c r="DA48" s="126"/>
      <c r="DB48" s="126"/>
      <c r="DC48" s="126"/>
      <c r="DD48" s="126"/>
      <c r="DE48" s="132"/>
      <c r="DF48" s="140"/>
      <c r="DG48" s="140"/>
    </row>
    <row r="49" spans="1:111" s="130" customFormat="1" ht="11.25" customHeight="1" thickBot="1" x14ac:dyDescent="0.25">
      <c r="A49" s="127"/>
      <c r="B49" s="135"/>
      <c r="C49" s="136"/>
      <c r="D49" s="136"/>
      <c r="E49" s="136"/>
      <c r="F49" s="136"/>
      <c r="G49" s="136"/>
      <c r="H49" s="136"/>
      <c r="I49" s="136"/>
      <c r="J49" s="136"/>
      <c r="K49" s="136"/>
      <c r="L49" s="136"/>
      <c r="M49" s="136"/>
      <c r="N49" s="136"/>
      <c r="O49" s="136"/>
      <c r="P49" s="136"/>
      <c r="Q49" s="136"/>
      <c r="R49" s="136"/>
      <c r="S49" s="136"/>
      <c r="T49" s="136"/>
      <c r="U49" s="136"/>
      <c r="V49" s="136"/>
      <c r="W49" s="136"/>
      <c r="X49" s="137"/>
      <c r="Y49" s="136"/>
      <c r="Z49" s="136"/>
      <c r="AA49" s="136"/>
      <c r="AB49" s="136"/>
      <c r="AC49" s="136"/>
      <c r="AD49" s="136"/>
      <c r="AE49" s="136"/>
      <c r="AF49" s="136"/>
      <c r="AG49" s="136"/>
      <c r="AH49" s="136"/>
      <c r="AI49" s="136"/>
      <c r="AJ49" s="136"/>
      <c r="AK49" s="136"/>
      <c r="AL49" s="136"/>
      <c r="AM49" s="136"/>
      <c r="AN49" s="136"/>
      <c r="AO49" s="136"/>
      <c r="AP49" s="136"/>
      <c r="AQ49" s="136"/>
      <c r="AR49" s="136"/>
      <c r="AS49" s="136"/>
      <c r="AT49" s="136"/>
      <c r="AU49" s="136"/>
      <c r="AV49" s="137"/>
      <c r="AW49" s="137"/>
      <c r="AX49" s="137"/>
      <c r="AY49" s="137"/>
      <c r="AZ49" s="137"/>
      <c r="BA49" s="137"/>
      <c r="BB49" s="137"/>
      <c r="BC49" s="137"/>
      <c r="BD49" s="137"/>
      <c r="BE49" s="137"/>
      <c r="BF49" s="137"/>
      <c r="BG49" s="137"/>
      <c r="BH49" s="137"/>
      <c r="BI49" s="137"/>
      <c r="BJ49" s="137"/>
      <c r="BK49" s="137"/>
      <c r="BL49" s="137"/>
      <c r="BM49" s="137"/>
      <c r="BN49" s="137"/>
      <c r="BO49" s="137"/>
      <c r="BP49" s="137"/>
      <c r="BQ49" s="137"/>
      <c r="BR49" s="137"/>
      <c r="BS49" s="137"/>
      <c r="BT49" s="137"/>
      <c r="BU49" s="136"/>
      <c r="BV49" s="136"/>
      <c r="BW49" s="136"/>
      <c r="BX49" s="136"/>
      <c r="BY49" s="136"/>
      <c r="BZ49" s="136"/>
      <c r="CA49" s="136"/>
      <c r="CB49" s="136"/>
      <c r="CC49" s="136"/>
      <c r="CD49" s="136"/>
      <c r="CE49" s="136"/>
      <c r="CF49" s="136"/>
      <c r="CG49" s="136"/>
      <c r="CH49" s="136"/>
      <c r="CI49" s="136"/>
      <c r="CJ49" s="136"/>
      <c r="CK49" s="136"/>
      <c r="CL49" s="136"/>
      <c r="CM49" s="136"/>
      <c r="CN49" s="136"/>
      <c r="CO49" s="136"/>
      <c r="CP49" s="136"/>
      <c r="CQ49" s="136"/>
      <c r="CR49" s="136"/>
      <c r="CS49" s="137"/>
      <c r="CT49" s="136"/>
      <c r="CU49" s="136"/>
      <c r="CV49" s="137"/>
      <c r="CW49" s="137"/>
      <c r="CX49" s="137"/>
      <c r="CY49" s="137"/>
      <c r="CZ49" s="137"/>
      <c r="DA49" s="137"/>
      <c r="DB49" s="137"/>
      <c r="DC49" s="137"/>
      <c r="DD49" s="137"/>
      <c r="DE49" s="138"/>
      <c r="DF49" s="140"/>
      <c r="DG49" s="140"/>
    </row>
    <row r="50" spans="1:111" s="130" customFormat="1" ht="12.75" customHeight="1" thickTop="1" x14ac:dyDescent="0.2">
      <c r="A50" s="127"/>
      <c r="B50" s="104"/>
      <c r="C50" s="104"/>
      <c r="D50" s="104"/>
      <c r="E50" s="104"/>
      <c r="F50" s="104"/>
      <c r="G50" s="104"/>
      <c r="H50" s="104"/>
      <c r="I50" s="104"/>
      <c r="J50" s="104"/>
      <c r="K50" s="104"/>
      <c r="L50" s="104"/>
      <c r="M50" s="104"/>
      <c r="N50" s="104"/>
      <c r="O50" s="104"/>
      <c r="P50" s="104"/>
      <c r="Q50" s="104"/>
      <c r="R50" s="104"/>
      <c r="S50" s="104"/>
      <c r="T50" s="104"/>
      <c r="U50" s="104"/>
      <c r="V50" s="104"/>
      <c r="W50" s="104"/>
      <c r="X50" s="103"/>
      <c r="Y50" s="104"/>
      <c r="Z50" s="104"/>
      <c r="AA50" s="104"/>
      <c r="AB50" s="104"/>
      <c r="AC50" s="104"/>
      <c r="AD50" s="104"/>
      <c r="AE50" s="104"/>
      <c r="AF50" s="104"/>
      <c r="AG50" s="104"/>
      <c r="AH50" s="104"/>
      <c r="AI50" s="104"/>
      <c r="AJ50" s="104"/>
      <c r="AK50" s="104"/>
      <c r="AL50" s="104"/>
      <c r="AM50" s="104"/>
      <c r="AN50" s="104"/>
      <c r="AO50" s="104"/>
      <c r="AP50" s="104"/>
      <c r="AQ50" s="104"/>
      <c r="AR50" s="104"/>
      <c r="AS50" s="104"/>
      <c r="AT50" s="104"/>
      <c r="AU50" s="104"/>
      <c r="AV50" s="103"/>
      <c r="AW50" s="103"/>
      <c r="AX50" s="103"/>
      <c r="AY50" s="103"/>
      <c r="AZ50" s="103"/>
      <c r="BA50" s="103"/>
      <c r="BB50" s="103"/>
      <c r="BC50" s="103"/>
      <c r="BD50" s="103"/>
      <c r="BE50" s="103"/>
      <c r="BF50" s="103"/>
      <c r="BG50" s="103"/>
      <c r="BH50" s="103"/>
      <c r="BI50" s="103"/>
      <c r="BJ50" s="103"/>
      <c r="BK50" s="103"/>
      <c r="BL50" s="103"/>
      <c r="BM50" s="103"/>
      <c r="BN50" s="103"/>
      <c r="BO50" s="103"/>
      <c r="BP50" s="103"/>
      <c r="BQ50" s="103"/>
      <c r="BR50" s="103"/>
      <c r="BS50" s="103"/>
      <c r="BT50" s="103"/>
      <c r="BU50" s="103"/>
      <c r="BV50" s="103"/>
      <c r="BW50" s="103"/>
      <c r="BX50" s="103"/>
      <c r="BY50" s="103"/>
      <c r="BZ50" s="103"/>
      <c r="CA50" s="103"/>
      <c r="CB50" s="103"/>
      <c r="CC50" s="103"/>
      <c r="CD50" s="103"/>
      <c r="CE50" s="103"/>
      <c r="CF50" s="103"/>
      <c r="CG50" s="103"/>
      <c r="CH50" s="103"/>
      <c r="CI50" s="103"/>
      <c r="CJ50" s="103"/>
      <c r="CK50" s="103"/>
      <c r="CL50" s="103"/>
      <c r="CM50" s="103"/>
      <c r="CN50" s="103"/>
      <c r="CO50" s="103"/>
      <c r="CP50" s="103"/>
      <c r="CQ50" s="103"/>
      <c r="CR50" s="103"/>
      <c r="CS50" s="103"/>
      <c r="CT50" s="126"/>
      <c r="CU50" s="126"/>
      <c r="CV50" s="126"/>
      <c r="CW50" s="126"/>
      <c r="CX50" s="126"/>
      <c r="CY50" s="126"/>
      <c r="CZ50" s="126"/>
      <c r="DA50" s="126"/>
      <c r="DB50" s="126"/>
      <c r="DC50" s="126"/>
      <c r="DD50" s="126"/>
      <c r="DE50" s="126"/>
      <c r="DF50" s="140"/>
      <c r="DG50" s="140"/>
    </row>
    <row r="51" spans="1:111" s="130" customFormat="1" ht="12.75" customHeight="1" x14ac:dyDescent="0.2">
      <c r="A51" s="127"/>
      <c r="B51" s="103"/>
      <c r="C51" s="102"/>
      <c r="D51" s="102"/>
      <c r="E51" s="102"/>
      <c r="F51" s="102"/>
      <c r="G51" s="102"/>
      <c r="H51" s="102"/>
      <c r="I51" s="102"/>
      <c r="J51" s="102"/>
      <c r="K51" s="102"/>
      <c r="L51" s="102"/>
      <c r="M51" s="102"/>
      <c r="N51" s="102"/>
      <c r="O51" s="102"/>
      <c r="P51" s="102"/>
      <c r="Q51" s="102"/>
      <c r="R51" s="102"/>
      <c r="S51" s="102"/>
      <c r="T51" s="102"/>
      <c r="U51" s="102"/>
      <c r="V51" s="102"/>
      <c r="W51" s="102"/>
      <c r="X51" s="102"/>
      <c r="Y51" s="102"/>
      <c r="Z51" s="102"/>
      <c r="AA51" s="102"/>
      <c r="AB51" s="102"/>
      <c r="AC51" s="102"/>
      <c r="AD51" s="102"/>
      <c r="AE51" s="102"/>
      <c r="AF51" s="102"/>
      <c r="AG51" s="102"/>
      <c r="AH51" s="102"/>
      <c r="AI51" s="102"/>
      <c r="AJ51" s="102"/>
      <c r="AK51" s="102"/>
      <c r="AL51" s="102"/>
      <c r="AM51" s="102"/>
      <c r="AN51" s="124"/>
      <c r="AO51" s="124"/>
      <c r="AP51" s="124"/>
      <c r="AQ51" s="124"/>
      <c r="AR51" s="124"/>
      <c r="AS51" s="124"/>
      <c r="AT51" s="124"/>
      <c r="AU51" s="124"/>
      <c r="AV51" s="103"/>
      <c r="AW51" s="103"/>
      <c r="AX51" s="103"/>
      <c r="AY51" s="103"/>
      <c r="AZ51" s="103"/>
      <c r="BA51" s="103"/>
      <c r="BB51" s="103"/>
      <c r="BC51" s="103"/>
      <c r="BD51" s="103"/>
      <c r="BE51" s="103"/>
      <c r="BF51" s="103"/>
      <c r="BG51" s="103"/>
      <c r="BH51" s="103"/>
      <c r="BI51" s="103"/>
      <c r="BJ51" s="103"/>
      <c r="BK51" s="103"/>
      <c r="BL51" s="103"/>
      <c r="BM51" s="103"/>
      <c r="BN51" s="103"/>
      <c r="BO51" s="103"/>
      <c r="BP51" s="103"/>
      <c r="BQ51" s="103"/>
      <c r="BR51" s="103"/>
      <c r="BS51" s="103"/>
      <c r="BT51" s="103"/>
      <c r="BU51" s="103"/>
      <c r="BV51" s="103"/>
      <c r="BW51" s="103"/>
      <c r="BX51" s="103"/>
      <c r="BY51" s="103"/>
      <c r="BZ51" s="103"/>
      <c r="CA51" s="103"/>
      <c r="CB51" s="103"/>
      <c r="CC51" s="103"/>
      <c r="CD51" s="103"/>
      <c r="CE51" s="103"/>
      <c r="CF51" s="103"/>
      <c r="CG51" s="103"/>
      <c r="CH51" s="103"/>
      <c r="CI51" s="103"/>
      <c r="CJ51" s="103"/>
      <c r="CK51" s="103"/>
      <c r="CL51" s="103"/>
      <c r="CM51" s="103"/>
      <c r="CN51" s="103"/>
      <c r="CO51" s="103"/>
      <c r="CP51" s="103"/>
      <c r="CQ51" s="103"/>
      <c r="CR51" s="103"/>
      <c r="CS51" s="103"/>
      <c r="CT51" s="139" t="s">
        <v>79</v>
      </c>
      <c r="CU51" s="126"/>
      <c r="CV51" s="139"/>
      <c r="CW51" s="126"/>
      <c r="CX51" s="126"/>
      <c r="CY51" s="126"/>
      <c r="CZ51" s="140"/>
      <c r="DA51" s="103"/>
      <c r="DB51" s="141"/>
      <c r="DC51" s="142"/>
      <c r="DD51" s="142"/>
      <c r="DE51" s="103"/>
      <c r="DF51" s="140"/>
      <c r="DG51" s="140"/>
    </row>
    <row r="52" spans="1:111" s="130" customFormat="1" ht="12.75" customHeight="1" x14ac:dyDescent="0.2">
      <c r="A52" s="127"/>
      <c r="B52" s="103"/>
      <c r="C52" s="102"/>
      <c r="D52" s="102"/>
      <c r="E52" s="102"/>
      <c r="F52" s="102"/>
      <c r="G52" s="102"/>
      <c r="H52" s="102"/>
      <c r="I52" s="102"/>
      <c r="J52" s="102"/>
      <c r="K52" s="102"/>
      <c r="L52" s="102"/>
      <c r="M52" s="102"/>
      <c r="N52" s="102"/>
      <c r="O52" s="102"/>
      <c r="P52" s="102"/>
      <c r="Q52" s="102"/>
      <c r="R52" s="102"/>
      <c r="S52" s="102"/>
      <c r="T52" s="102"/>
      <c r="U52" s="102"/>
      <c r="V52" s="102"/>
      <c r="W52" s="102"/>
      <c r="X52" s="102"/>
      <c r="Y52" s="102"/>
      <c r="Z52" s="102"/>
      <c r="AA52" s="102"/>
      <c r="AB52" s="102"/>
      <c r="AC52" s="102"/>
      <c r="AD52" s="102"/>
      <c r="AE52" s="102"/>
      <c r="AF52" s="102"/>
      <c r="AG52" s="102"/>
      <c r="AH52" s="102"/>
      <c r="AI52" s="102"/>
      <c r="AJ52" s="102"/>
      <c r="AK52" s="102"/>
      <c r="AL52" s="102"/>
      <c r="AM52" s="102"/>
      <c r="AN52" s="124"/>
      <c r="AO52" s="124"/>
      <c r="AP52" s="124"/>
      <c r="AQ52" s="124"/>
      <c r="AR52" s="124"/>
      <c r="AS52" s="124"/>
      <c r="AT52" s="124"/>
      <c r="AU52" s="124"/>
      <c r="AV52" s="103"/>
      <c r="AW52" s="103"/>
      <c r="AX52" s="103"/>
      <c r="AY52" s="103"/>
      <c r="AZ52" s="103"/>
      <c r="BA52" s="103"/>
      <c r="BB52" s="103"/>
      <c r="BC52" s="103"/>
      <c r="BD52" s="103"/>
      <c r="BE52" s="103"/>
      <c r="BF52" s="103"/>
      <c r="BG52" s="103"/>
      <c r="BH52" s="103"/>
      <c r="BI52" s="103"/>
      <c r="BJ52" s="103"/>
      <c r="BK52" s="103"/>
      <c r="BL52" s="103"/>
      <c r="BM52" s="103"/>
      <c r="BN52" s="103"/>
      <c r="BO52" s="103"/>
      <c r="BP52" s="103"/>
      <c r="BQ52" s="103"/>
      <c r="BR52" s="103"/>
      <c r="BS52" s="103"/>
      <c r="BT52" s="103"/>
      <c r="BU52" s="103"/>
      <c r="BV52" s="103"/>
      <c r="BW52" s="103"/>
      <c r="BX52" s="103"/>
      <c r="BY52" s="103"/>
      <c r="BZ52" s="103"/>
      <c r="CA52" s="103"/>
      <c r="CB52" s="103"/>
      <c r="CC52" s="103"/>
      <c r="CD52" s="103"/>
      <c r="CE52" s="103"/>
      <c r="CF52" s="103"/>
      <c r="CG52" s="103"/>
      <c r="CH52" s="103"/>
      <c r="CI52" s="103"/>
      <c r="CJ52" s="103"/>
      <c r="CK52" s="103"/>
      <c r="CL52" s="103"/>
      <c r="CM52" s="103"/>
      <c r="CN52" s="103"/>
      <c r="CO52" s="103"/>
      <c r="CP52" s="103"/>
      <c r="CQ52" s="103"/>
      <c r="CR52" s="103"/>
      <c r="CS52" s="103"/>
      <c r="CT52" s="532"/>
      <c r="CU52" s="532"/>
      <c r="CV52" s="532"/>
      <c r="CW52" s="531" t="s">
        <v>80</v>
      </c>
      <c r="CX52" s="531"/>
      <c r="CY52" s="531"/>
      <c r="CZ52" s="530"/>
      <c r="DA52" s="530"/>
      <c r="DB52" s="530"/>
      <c r="DC52" s="531" t="s">
        <v>81</v>
      </c>
      <c r="DD52" s="531"/>
      <c r="DE52" s="531"/>
      <c r="DF52" s="140"/>
      <c r="DG52" s="140"/>
    </row>
    <row r="53" spans="1:111" s="130" customFormat="1" ht="12.75" customHeight="1" x14ac:dyDescent="0.2">
      <c r="A53" s="127"/>
      <c r="B53" s="103"/>
      <c r="C53" s="102"/>
      <c r="D53" s="102"/>
      <c r="E53" s="102"/>
      <c r="F53" s="102"/>
      <c r="G53" s="102"/>
      <c r="H53" s="102"/>
      <c r="I53" s="102"/>
      <c r="J53" s="102"/>
      <c r="K53" s="102"/>
      <c r="L53" s="102"/>
      <c r="M53" s="102"/>
      <c r="N53" s="102"/>
      <c r="O53" s="102"/>
      <c r="P53" s="102"/>
      <c r="Q53" s="102"/>
      <c r="R53" s="102"/>
      <c r="S53" s="102"/>
      <c r="T53" s="102"/>
      <c r="U53" s="102"/>
      <c r="V53" s="102"/>
      <c r="W53" s="102"/>
      <c r="X53" s="102"/>
      <c r="Y53" s="102"/>
      <c r="Z53" s="102"/>
      <c r="AA53" s="102"/>
      <c r="AB53" s="102"/>
      <c r="AC53" s="102"/>
      <c r="AD53" s="102"/>
      <c r="AE53" s="102"/>
      <c r="AF53" s="102"/>
      <c r="AG53" s="102"/>
      <c r="AH53" s="102"/>
      <c r="AI53" s="102"/>
      <c r="AJ53" s="102"/>
      <c r="AK53" s="102"/>
      <c r="AL53" s="102"/>
      <c r="AM53" s="102"/>
      <c r="AN53" s="124"/>
      <c r="AO53" s="124"/>
      <c r="AP53" s="124"/>
      <c r="AQ53" s="124"/>
      <c r="AR53" s="124"/>
      <c r="AS53" s="124"/>
      <c r="AT53" s="124"/>
      <c r="AU53" s="124"/>
      <c r="AV53" s="103"/>
      <c r="AW53" s="103"/>
      <c r="AX53" s="103"/>
      <c r="AY53" s="103"/>
      <c r="AZ53" s="103"/>
      <c r="BA53" s="103"/>
      <c r="BB53" s="103"/>
      <c r="BC53" s="103"/>
      <c r="BD53" s="103"/>
      <c r="BE53" s="103"/>
      <c r="BF53" s="103"/>
      <c r="BG53" s="103"/>
      <c r="BH53" s="103"/>
      <c r="BI53" s="103"/>
      <c r="BJ53" s="103"/>
      <c r="BK53" s="103"/>
      <c r="BL53" s="103"/>
      <c r="BM53" s="103"/>
      <c r="BN53" s="103"/>
      <c r="BO53" s="103"/>
      <c r="BP53" s="103"/>
      <c r="BQ53" s="103"/>
      <c r="BR53" s="103"/>
      <c r="BS53" s="103"/>
      <c r="BT53" s="103"/>
      <c r="BU53" s="103"/>
      <c r="BV53" s="103"/>
      <c r="BW53" s="103"/>
      <c r="BX53" s="103"/>
      <c r="BY53" s="103"/>
      <c r="BZ53" s="103"/>
      <c r="CA53" s="103"/>
      <c r="CB53" s="103"/>
      <c r="CC53" s="103"/>
      <c r="CD53" s="103"/>
      <c r="CE53" s="103"/>
      <c r="CF53" s="103"/>
      <c r="CG53" s="103"/>
      <c r="CH53" s="103"/>
      <c r="CI53" s="103"/>
      <c r="CJ53" s="103"/>
      <c r="CK53" s="103"/>
      <c r="CL53" s="103"/>
      <c r="CM53" s="103"/>
      <c r="CN53" s="103"/>
      <c r="CO53" s="103"/>
      <c r="CP53" s="103"/>
      <c r="CQ53" s="103"/>
      <c r="CR53" s="103"/>
      <c r="CS53" s="103"/>
      <c r="CT53" s="532"/>
      <c r="CU53" s="532"/>
      <c r="CV53" s="532"/>
      <c r="CW53" s="531"/>
      <c r="CX53" s="531"/>
      <c r="CY53" s="531"/>
      <c r="CZ53" s="530"/>
      <c r="DA53" s="530"/>
      <c r="DB53" s="530"/>
      <c r="DC53" s="531"/>
      <c r="DD53" s="531"/>
      <c r="DE53" s="531"/>
      <c r="DF53" s="140"/>
      <c r="DG53" s="140"/>
    </row>
    <row r="54" spans="1:111" s="130" customFormat="1" ht="12.75" customHeight="1" x14ac:dyDescent="0.2">
      <c r="A54" s="127"/>
      <c r="B54" s="103"/>
      <c r="C54" s="102"/>
      <c r="D54" s="103"/>
      <c r="E54" s="102"/>
      <c r="F54" s="102"/>
      <c r="G54" s="102"/>
      <c r="H54" s="102"/>
      <c r="I54" s="102"/>
      <c r="J54" s="102"/>
      <c r="K54" s="102"/>
      <c r="L54" s="102"/>
      <c r="M54" s="102"/>
      <c r="N54" s="102"/>
      <c r="O54" s="102"/>
      <c r="P54" s="102"/>
      <c r="Q54" s="102"/>
      <c r="R54" s="102"/>
      <c r="S54" s="102"/>
      <c r="T54" s="102"/>
      <c r="U54" s="102"/>
      <c r="V54" s="102"/>
      <c r="W54" s="102"/>
      <c r="X54" s="102"/>
      <c r="Y54" s="102"/>
      <c r="Z54" s="102"/>
      <c r="AA54" s="102"/>
      <c r="AB54" s="102"/>
      <c r="AC54" s="102"/>
      <c r="AD54" s="102"/>
      <c r="AE54" s="102"/>
      <c r="AF54" s="102"/>
      <c r="AG54" s="102"/>
      <c r="AH54" s="102"/>
      <c r="AI54" s="102"/>
      <c r="AJ54" s="102"/>
      <c r="AK54" s="102"/>
      <c r="AL54" s="102"/>
      <c r="AM54" s="102"/>
      <c r="AN54" s="124"/>
      <c r="AO54" s="124"/>
      <c r="AP54" s="124"/>
      <c r="AQ54" s="124"/>
      <c r="AR54" s="124"/>
      <c r="AS54" s="124"/>
      <c r="AT54" s="124"/>
      <c r="AU54" s="124"/>
      <c r="AV54" s="103"/>
      <c r="AW54" s="103"/>
      <c r="AX54" s="103"/>
      <c r="AY54" s="103"/>
      <c r="AZ54" s="103"/>
      <c r="BA54" s="103"/>
      <c r="BB54" s="103"/>
      <c r="BC54" s="103"/>
      <c r="BD54" s="103"/>
      <c r="BE54" s="103"/>
      <c r="BF54" s="103"/>
      <c r="BG54" s="103"/>
      <c r="BH54" s="103"/>
      <c r="BI54" s="103"/>
      <c r="BJ54" s="103"/>
      <c r="BK54" s="103"/>
      <c r="BL54" s="103"/>
      <c r="BM54" s="103"/>
      <c r="BN54" s="103"/>
      <c r="BO54" s="103"/>
      <c r="BP54" s="103"/>
      <c r="BQ54" s="103"/>
      <c r="BR54" s="103"/>
      <c r="BS54" s="103"/>
      <c r="BT54" s="103"/>
      <c r="BU54" s="103"/>
      <c r="BV54" s="103"/>
      <c r="BW54" s="103"/>
      <c r="BX54" s="103"/>
      <c r="BY54" s="103"/>
      <c r="BZ54" s="103"/>
      <c r="CA54" s="103"/>
      <c r="CB54" s="103"/>
      <c r="CC54" s="103"/>
      <c r="CD54" s="103"/>
      <c r="CE54" s="103"/>
      <c r="CF54" s="103"/>
      <c r="CG54" s="103"/>
      <c r="CH54" s="103"/>
      <c r="CI54" s="103"/>
      <c r="CJ54" s="103"/>
      <c r="CK54" s="103"/>
      <c r="CL54" s="103"/>
      <c r="CM54" s="103"/>
      <c r="CN54" s="103"/>
      <c r="CO54" s="103"/>
      <c r="CP54" s="103"/>
      <c r="CQ54" s="103"/>
      <c r="CR54" s="103"/>
      <c r="CS54" s="103"/>
      <c r="CT54" s="532"/>
      <c r="CU54" s="532"/>
      <c r="CV54" s="532"/>
      <c r="CW54" s="531"/>
      <c r="CX54" s="531"/>
      <c r="CY54" s="531"/>
      <c r="CZ54" s="530"/>
      <c r="DA54" s="530"/>
      <c r="DB54" s="530"/>
      <c r="DC54" s="531"/>
      <c r="DD54" s="531"/>
      <c r="DE54" s="531"/>
      <c r="DF54" s="140"/>
      <c r="DG54" s="140"/>
    </row>
    <row r="55" spans="1:111" s="157" customFormat="1" ht="26.25" customHeight="1" x14ac:dyDescent="0.25">
      <c r="A55" s="147"/>
      <c r="B55" s="148"/>
      <c r="C55" s="148"/>
      <c r="D55" s="148"/>
      <c r="E55" s="148"/>
      <c r="F55" s="148"/>
      <c r="G55" s="149"/>
      <c r="H55" s="149"/>
      <c r="I55" s="149"/>
      <c r="J55" s="149"/>
      <c r="K55" s="149"/>
      <c r="L55" s="149"/>
      <c r="M55" s="149"/>
      <c r="N55" s="149"/>
      <c r="O55" s="149"/>
      <c r="P55" s="149"/>
      <c r="Q55" s="149"/>
      <c r="R55" s="149"/>
      <c r="S55" s="149"/>
      <c r="T55" s="149"/>
      <c r="U55" s="149"/>
      <c r="V55" s="149"/>
      <c r="W55" s="149"/>
      <c r="X55" s="149"/>
      <c r="Y55" s="149"/>
      <c r="Z55" s="149"/>
      <c r="AA55" s="149"/>
      <c r="AB55" s="149"/>
      <c r="AC55" s="149"/>
      <c r="AD55" s="149"/>
      <c r="AE55" s="149"/>
      <c r="AF55" s="149"/>
      <c r="AG55" s="149"/>
      <c r="AH55" s="149"/>
      <c r="AI55" s="149"/>
      <c r="AJ55" s="149"/>
      <c r="AK55" s="149"/>
      <c r="AL55" s="149"/>
      <c r="AM55" s="149"/>
      <c r="AN55" s="150"/>
      <c r="AO55" s="150"/>
      <c r="AP55" s="150"/>
      <c r="AQ55" s="150"/>
      <c r="AR55" s="150"/>
      <c r="AS55" s="150"/>
      <c r="AT55" s="150"/>
      <c r="AU55" s="150"/>
      <c r="AV55" s="151"/>
      <c r="AW55" s="151"/>
      <c r="AX55" s="151"/>
      <c r="AY55" s="151"/>
      <c r="AZ55" s="151"/>
      <c r="BA55" s="151"/>
      <c r="BB55" s="151"/>
      <c r="BC55" s="151"/>
      <c r="BD55" s="151"/>
      <c r="BE55" s="151"/>
      <c r="BF55" s="151"/>
      <c r="BG55" s="151"/>
      <c r="BH55" s="151"/>
      <c r="BI55" s="151"/>
      <c r="BJ55" s="151"/>
      <c r="BK55" s="151"/>
      <c r="BL55" s="151"/>
      <c r="BM55" s="151"/>
      <c r="BN55" s="151"/>
      <c r="BO55" s="151"/>
      <c r="BP55" s="151"/>
      <c r="BQ55" s="151"/>
      <c r="BR55" s="151"/>
      <c r="BS55" s="151"/>
      <c r="BT55" s="151"/>
      <c r="BU55" s="151"/>
      <c r="BV55" s="151"/>
      <c r="BW55" s="151"/>
      <c r="BX55" s="151"/>
      <c r="BY55" s="151"/>
      <c r="BZ55" s="151"/>
      <c r="CA55" s="151"/>
      <c r="CB55" s="151"/>
      <c r="CC55" s="151"/>
      <c r="CD55" s="151"/>
      <c r="CE55" s="151"/>
      <c r="CF55" s="151"/>
      <c r="CG55" s="151"/>
      <c r="CH55" s="151"/>
      <c r="CI55" s="151"/>
      <c r="CJ55" s="151"/>
      <c r="CK55" s="151"/>
      <c r="CL55" s="151"/>
      <c r="CM55" s="151"/>
      <c r="CN55" s="151"/>
      <c r="CO55" s="151"/>
      <c r="CP55" s="151"/>
      <c r="CQ55" s="151"/>
      <c r="CR55" s="151"/>
      <c r="CS55" s="151"/>
      <c r="CT55" s="152"/>
      <c r="CU55" s="152"/>
      <c r="CV55" s="153"/>
      <c r="CW55" s="154"/>
      <c r="CX55" s="154"/>
      <c r="CY55" s="154"/>
      <c r="CZ55" s="155"/>
      <c r="DA55" s="155"/>
      <c r="DB55" s="155"/>
      <c r="DC55" s="154"/>
      <c r="DD55" s="154"/>
      <c r="DE55" s="154"/>
      <c r="DF55" s="156"/>
      <c r="DG55" s="156"/>
    </row>
    <row r="56" spans="1:111" s="157" customFormat="1" ht="26.25" customHeight="1" x14ac:dyDescent="0.25">
      <c r="A56" s="147"/>
      <c r="B56" s="148"/>
      <c r="C56" s="148"/>
      <c r="D56" s="148"/>
      <c r="E56" s="148"/>
      <c r="F56" s="148"/>
      <c r="G56" s="149"/>
      <c r="H56" s="149"/>
      <c r="I56" s="149"/>
      <c r="J56" s="149"/>
      <c r="K56" s="149"/>
      <c r="L56" s="149"/>
      <c r="M56" s="149"/>
      <c r="N56" s="149"/>
      <c r="O56" s="149"/>
      <c r="P56" s="149"/>
      <c r="Q56" s="149"/>
      <c r="R56" s="149"/>
      <c r="S56" s="149"/>
      <c r="T56" s="149"/>
      <c r="U56" s="149"/>
      <c r="V56" s="149"/>
      <c r="W56" s="149"/>
      <c r="X56" s="149"/>
      <c r="Y56" s="149"/>
      <c r="Z56" s="149"/>
      <c r="AA56" s="149"/>
      <c r="AB56" s="149"/>
      <c r="AC56" s="149"/>
      <c r="AD56" s="149"/>
      <c r="AE56" s="149"/>
      <c r="AF56" s="149"/>
      <c r="AG56" s="149"/>
      <c r="AH56" s="149"/>
      <c r="AI56" s="149"/>
      <c r="AJ56" s="149"/>
      <c r="AK56" s="149"/>
      <c r="AL56" s="149"/>
      <c r="AM56" s="149"/>
      <c r="AN56" s="150"/>
      <c r="AO56" s="150"/>
      <c r="AP56" s="150"/>
      <c r="AQ56" s="150"/>
      <c r="AR56" s="150"/>
      <c r="AS56" s="150"/>
      <c r="AT56" s="150"/>
      <c r="AU56" s="150"/>
      <c r="AV56" s="151"/>
      <c r="AW56" s="151"/>
      <c r="AX56" s="151"/>
      <c r="AY56" s="151"/>
      <c r="AZ56" s="151"/>
      <c r="BA56" s="151"/>
      <c r="BB56" s="151"/>
      <c r="BC56" s="151"/>
      <c r="BD56" s="151"/>
      <c r="BE56" s="151"/>
      <c r="BF56" s="151"/>
      <c r="BG56" s="151"/>
      <c r="BH56" s="151"/>
      <c r="BI56" s="151"/>
      <c r="BJ56" s="151"/>
      <c r="BK56" s="151"/>
      <c r="BL56" s="151"/>
      <c r="BM56" s="151"/>
      <c r="BN56" s="151"/>
      <c r="BO56" s="151"/>
      <c r="BP56" s="151"/>
      <c r="BQ56" s="151"/>
      <c r="BR56" s="151"/>
      <c r="BS56" s="151"/>
      <c r="BT56" s="151"/>
      <c r="BU56" s="151"/>
      <c r="BV56" s="151"/>
      <c r="BW56" s="151"/>
      <c r="BX56" s="151"/>
      <c r="BY56" s="151"/>
      <c r="BZ56" s="151"/>
      <c r="CA56" s="151"/>
      <c r="CB56" s="151"/>
      <c r="CC56" s="151"/>
      <c r="CD56" s="151"/>
      <c r="CE56" s="151"/>
      <c r="CF56" s="151"/>
      <c r="CG56" s="151"/>
      <c r="CH56" s="151"/>
      <c r="CI56" s="151"/>
      <c r="CJ56" s="151"/>
      <c r="CK56" s="151"/>
      <c r="CL56" s="151"/>
      <c r="CM56" s="151"/>
      <c r="CN56" s="151"/>
      <c r="CO56" s="151"/>
      <c r="CP56" s="151"/>
      <c r="CQ56" s="151"/>
      <c r="CR56" s="151"/>
      <c r="CS56" s="151"/>
      <c r="CT56" s="152"/>
      <c r="CU56" s="152"/>
      <c r="CV56" s="153"/>
      <c r="CW56" s="154"/>
      <c r="CX56" s="154"/>
      <c r="CY56" s="154"/>
      <c r="CZ56" s="155"/>
      <c r="DA56" s="155"/>
      <c r="DB56" s="155"/>
      <c r="DC56" s="154"/>
      <c r="DD56" s="154"/>
      <c r="DE56" s="154"/>
      <c r="DF56" s="156"/>
      <c r="DG56" s="156"/>
    </row>
    <row r="57" spans="1:111" s="148" customFormat="1" ht="26.25" customHeight="1" x14ac:dyDescent="0.2">
      <c r="B57" s="148" t="s">
        <v>22</v>
      </c>
      <c r="DF57" s="158"/>
      <c r="DG57" s="158"/>
    </row>
    <row r="58" spans="1:111" s="148" customFormat="1" ht="26.25" customHeight="1" x14ac:dyDescent="0.2">
      <c r="B58" s="148" t="s">
        <v>91</v>
      </c>
      <c r="DF58" s="158"/>
      <c r="DG58" s="158"/>
    </row>
    <row r="59" spans="1:111" s="148" customFormat="1" ht="26.25" customHeight="1" x14ac:dyDescent="0.2">
      <c r="DF59" s="158"/>
      <c r="DG59" s="158"/>
    </row>
    <row r="60" spans="1:111" s="148" customFormat="1" ht="26.25" customHeight="1" x14ac:dyDescent="0.2">
      <c r="B60" s="148" t="s">
        <v>111</v>
      </c>
      <c r="DF60" s="158"/>
      <c r="DG60" s="158"/>
    </row>
    <row r="61" spans="1:111" s="148" customFormat="1" ht="26.25" customHeight="1" x14ac:dyDescent="0.2">
      <c r="DF61" s="158"/>
      <c r="DG61" s="158"/>
    </row>
    <row r="62" spans="1:111" s="162" customFormat="1" ht="26.25" customHeight="1" x14ac:dyDescent="0.25">
      <c r="A62" s="159"/>
      <c r="B62" s="160" t="s">
        <v>110</v>
      </c>
      <c r="C62" s="160"/>
      <c r="D62" s="160"/>
      <c r="E62" s="160"/>
      <c r="F62" s="160"/>
      <c r="G62" s="160"/>
      <c r="H62" s="160"/>
      <c r="I62" s="160"/>
      <c r="J62" s="160"/>
      <c r="K62" s="160"/>
      <c r="L62" s="160"/>
      <c r="M62" s="160"/>
      <c r="N62" s="160"/>
      <c r="O62" s="160"/>
      <c r="P62" s="160"/>
      <c r="Q62" s="160"/>
      <c r="R62" s="160"/>
      <c r="S62" s="160"/>
      <c r="T62" s="160"/>
      <c r="U62" s="160"/>
      <c r="V62" s="160"/>
      <c r="W62" s="160"/>
      <c r="X62" s="160"/>
      <c r="Y62" s="160"/>
      <c r="Z62" s="160"/>
      <c r="AA62" s="160"/>
      <c r="AB62" s="160"/>
      <c r="AC62" s="160"/>
      <c r="AD62" s="160"/>
      <c r="AE62" s="160"/>
      <c r="AF62" s="160"/>
      <c r="AG62" s="160"/>
      <c r="AH62" s="160"/>
      <c r="AI62" s="160"/>
      <c r="AJ62" s="160"/>
      <c r="AK62" s="160"/>
      <c r="AL62" s="160"/>
      <c r="AM62" s="160"/>
      <c r="AN62" s="160"/>
      <c r="AO62" s="161"/>
      <c r="AP62" s="161"/>
      <c r="AQ62" s="161"/>
      <c r="AR62" s="161"/>
      <c r="AS62" s="161"/>
      <c r="DF62" s="163"/>
      <c r="DG62" s="163"/>
    </row>
    <row r="63" spans="1:111" s="162" customFormat="1" ht="26.25" customHeight="1" x14ac:dyDescent="0.25">
      <c r="A63" s="159"/>
      <c r="B63" s="160" t="s">
        <v>173</v>
      </c>
      <c r="C63" s="160"/>
      <c r="D63" s="160"/>
      <c r="E63" s="160"/>
      <c r="F63" s="160"/>
      <c r="G63" s="160"/>
      <c r="H63" s="160"/>
      <c r="I63" s="160"/>
      <c r="J63" s="160"/>
      <c r="K63" s="160"/>
      <c r="L63" s="160"/>
      <c r="M63" s="160"/>
      <c r="N63" s="160"/>
      <c r="O63" s="160"/>
      <c r="P63" s="160"/>
      <c r="Q63" s="160"/>
      <c r="R63" s="160"/>
      <c r="S63" s="160"/>
      <c r="T63" s="160"/>
      <c r="U63" s="160"/>
      <c r="V63" s="160"/>
      <c r="W63" s="160"/>
      <c r="X63" s="160"/>
      <c r="Y63" s="160"/>
      <c r="Z63" s="160"/>
      <c r="AA63" s="160"/>
      <c r="AB63" s="160"/>
      <c r="AC63" s="160"/>
      <c r="AD63" s="160"/>
      <c r="AE63" s="160"/>
      <c r="AF63" s="160"/>
      <c r="AG63" s="160"/>
      <c r="AH63" s="160"/>
      <c r="AI63" s="160"/>
      <c r="AJ63" s="160"/>
      <c r="AK63" s="160"/>
      <c r="AL63" s="160"/>
      <c r="AM63" s="160"/>
      <c r="AN63" s="160"/>
      <c r="AO63" s="161"/>
      <c r="AP63" s="161"/>
      <c r="AQ63" s="161"/>
      <c r="AR63" s="161"/>
      <c r="AS63" s="161"/>
      <c r="DF63" s="163"/>
      <c r="DG63" s="163"/>
    </row>
    <row r="64" spans="1:111" s="162" customFormat="1" ht="26.25" customHeight="1" x14ac:dyDescent="0.25">
      <c r="A64" s="159"/>
      <c r="B64" s="160" t="s">
        <v>188</v>
      </c>
      <c r="C64" s="160"/>
      <c r="D64" s="160"/>
      <c r="E64" s="160"/>
      <c r="F64" s="160"/>
      <c r="G64" s="160"/>
      <c r="H64" s="160"/>
      <c r="I64" s="160"/>
      <c r="J64" s="160"/>
      <c r="K64" s="160"/>
      <c r="L64" s="160"/>
      <c r="M64" s="160"/>
      <c r="N64" s="160"/>
      <c r="O64" s="160"/>
      <c r="P64" s="160"/>
      <c r="Q64" s="160"/>
      <c r="R64" s="160"/>
      <c r="S64" s="160"/>
      <c r="T64" s="160"/>
      <c r="U64" s="160"/>
      <c r="V64" s="160"/>
      <c r="W64" s="160"/>
      <c r="X64" s="160"/>
      <c r="Y64" s="160"/>
      <c r="Z64" s="160"/>
      <c r="AA64" s="160"/>
      <c r="AB64" s="160"/>
      <c r="AC64" s="160"/>
      <c r="AD64" s="160"/>
      <c r="AE64" s="160"/>
      <c r="AF64" s="160"/>
      <c r="AG64" s="160"/>
      <c r="AH64" s="160"/>
      <c r="AI64" s="160"/>
      <c r="AJ64" s="160"/>
      <c r="AK64" s="160"/>
      <c r="AL64" s="160"/>
      <c r="AM64" s="160"/>
      <c r="AN64" s="160"/>
      <c r="AO64" s="161"/>
      <c r="AP64" s="161"/>
      <c r="AQ64" s="161"/>
      <c r="AR64" s="161"/>
      <c r="AS64" s="161"/>
      <c r="DF64" s="163"/>
      <c r="DG64" s="163"/>
    </row>
    <row r="65" spans="1:111" s="162" customFormat="1" ht="26.25" customHeight="1" x14ac:dyDescent="0.25">
      <c r="A65" s="159"/>
      <c r="B65" s="160" t="s">
        <v>189</v>
      </c>
      <c r="C65" s="160"/>
      <c r="D65" s="160"/>
      <c r="E65" s="160"/>
      <c r="F65" s="160"/>
      <c r="G65" s="160"/>
      <c r="H65" s="160"/>
      <c r="I65" s="160"/>
      <c r="J65" s="160"/>
      <c r="K65" s="160"/>
      <c r="L65" s="160"/>
      <c r="M65" s="160"/>
      <c r="N65" s="160"/>
      <c r="O65" s="160"/>
      <c r="P65" s="160"/>
      <c r="Q65" s="160"/>
      <c r="R65" s="160"/>
      <c r="S65" s="160"/>
      <c r="T65" s="160"/>
      <c r="U65" s="160"/>
      <c r="V65" s="160"/>
      <c r="W65" s="160"/>
      <c r="X65" s="160"/>
      <c r="Y65" s="160"/>
      <c r="Z65" s="160"/>
      <c r="AA65" s="160"/>
      <c r="AB65" s="160"/>
      <c r="AC65" s="160"/>
      <c r="AD65" s="160"/>
      <c r="AE65" s="160"/>
      <c r="AF65" s="160"/>
      <c r="AG65" s="160"/>
      <c r="AH65" s="160"/>
      <c r="AI65" s="160"/>
      <c r="AJ65" s="160"/>
      <c r="AK65" s="160"/>
      <c r="AL65" s="160"/>
      <c r="AM65" s="160"/>
      <c r="AN65" s="160"/>
      <c r="AO65" s="161"/>
      <c r="AP65" s="161"/>
      <c r="AQ65" s="161"/>
      <c r="AR65" s="161"/>
      <c r="AS65" s="161"/>
      <c r="DF65" s="163"/>
      <c r="DG65" s="163"/>
    </row>
    <row r="66" spans="1:111" s="162" customFormat="1" ht="26.25" customHeight="1" x14ac:dyDescent="0.25">
      <c r="A66" s="159"/>
      <c r="B66" s="160" t="s">
        <v>195</v>
      </c>
      <c r="C66" s="160"/>
      <c r="D66" s="160"/>
      <c r="E66" s="160"/>
      <c r="F66" s="160"/>
      <c r="G66" s="160"/>
      <c r="H66" s="160"/>
      <c r="I66" s="160"/>
      <c r="J66" s="160"/>
      <c r="K66" s="160"/>
      <c r="L66" s="160"/>
      <c r="M66" s="160"/>
      <c r="N66" s="160"/>
      <c r="O66" s="160"/>
      <c r="P66" s="160"/>
      <c r="Q66" s="160"/>
      <c r="R66" s="160"/>
      <c r="S66" s="160"/>
      <c r="T66" s="160"/>
      <c r="U66" s="160"/>
      <c r="V66" s="160"/>
      <c r="W66" s="160"/>
      <c r="X66" s="160"/>
      <c r="Y66" s="160"/>
      <c r="Z66" s="160"/>
      <c r="AA66" s="160"/>
      <c r="AB66" s="160"/>
      <c r="AC66" s="160"/>
      <c r="AD66" s="160"/>
      <c r="AE66" s="160"/>
      <c r="AF66" s="160"/>
      <c r="AG66" s="160"/>
      <c r="AH66" s="160"/>
      <c r="AI66" s="160"/>
      <c r="AJ66" s="160"/>
      <c r="AK66" s="160"/>
      <c r="AL66" s="160"/>
      <c r="AM66" s="160"/>
      <c r="AN66" s="160"/>
      <c r="AO66" s="161"/>
      <c r="AP66" s="161"/>
      <c r="AQ66" s="161"/>
      <c r="AR66" s="161"/>
      <c r="AS66" s="161"/>
      <c r="DF66" s="163"/>
      <c r="DG66" s="163"/>
    </row>
    <row r="67" spans="1:111" s="162" customFormat="1" ht="26.25" customHeight="1" x14ac:dyDescent="0.25">
      <c r="A67" s="159"/>
      <c r="B67" s="160" t="s">
        <v>187</v>
      </c>
      <c r="C67" s="160"/>
      <c r="D67" s="160"/>
      <c r="E67" s="160"/>
      <c r="F67" s="160"/>
      <c r="G67" s="160"/>
      <c r="H67" s="160"/>
      <c r="I67" s="160"/>
      <c r="J67" s="160"/>
      <c r="K67" s="160"/>
      <c r="L67" s="160"/>
      <c r="M67" s="160"/>
      <c r="N67" s="160"/>
      <c r="O67" s="160"/>
      <c r="P67" s="160"/>
      <c r="Q67" s="160"/>
      <c r="R67" s="160"/>
      <c r="S67" s="160"/>
      <c r="T67" s="160"/>
      <c r="U67" s="160"/>
      <c r="V67" s="160"/>
      <c r="W67" s="160"/>
      <c r="X67" s="160"/>
      <c r="Y67" s="160"/>
      <c r="Z67" s="160"/>
      <c r="AA67" s="160"/>
      <c r="AB67" s="160"/>
      <c r="AC67" s="160"/>
      <c r="AD67" s="160"/>
      <c r="AE67" s="160"/>
      <c r="AF67" s="160"/>
      <c r="AG67" s="160"/>
      <c r="AH67" s="160"/>
      <c r="AI67" s="160"/>
      <c r="AJ67" s="160"/>
      <c r="AK67" s="160"/>
      <c r="AL67" s="160"/>
      <c r="AM67" s="160"/>
      <c r="AN67" s="160"/>
      <c r="AO67" s="161"/>
      <c r="AP67" s="161"/>
      <c r="AQ67" s="161"/>
      <c r="AR67" s="161"/>
      <c r="AS67" s="161"/>
      <c r="DF67" s="163"/>
      <c r="DG67" s="163"/>
    </row>
    <row r="68" spans="1:111" s="162" customFormat="1" ht="26.25" customHeight="1" x14ac:dyDescent="0.25">
      <c r="A68" s="159"/>
      <c r="B68" s="160" t="s">
        <v>174</v>
      </c>
      <c r="C68" s="160"/>
      <c r="E68" s="160"/>
      <c r="F68" s="160"/>
      <c r="G68" s="160"/>
      <c r="H68" s="160"/>
      <c r="I68" s="160"/>
      <c r="J68" s="160"/>
      <c r="K68" s="160"/>
      <c r="L68" s="160"/>
      <c r="M68" s="160"/>
      <c r="N68" s="160"/>
      <c r="O68" s="160"/>
      <c r="P68" s="160"/>
      <c r="Q68" s="160"/>
      <c r="R68" s="160"/>
      <c r="S68" s="160"/>
      <c r="T68" s="160"/>
      <c r="U68" s="160"/>
      <c r="V68" s="160"/>
      <c r="W68" s="160"/>
      <c r="X68" s="160"/>
      <c r="Y68" s="160"/>
      <c r="Z68" s="160"/>
      <c r="AA68" s="160"/>
      <c r="AB68" s="160"/>
      <c r="AC68" s="160"/>
      <c r="AD68" s="160"/>
      <c r="AE68" s="160"/>
      <c r="AF68" s="160"/>
      <c r="AG68" s="160"/>
      <c r="AH68" s="160"/>
      <c r="AI68" s="160"/>
      <c r="AJ68" s="160"/>
      <c r="AK68" s="160"/>
      <c r="AL68" s="160"/>
      <c r="AM68" s="160"/>
      <c r="AN68" s="160"/>
      <c r="AO68" s="161"/>
      <c r="AP68" s="161"/>
      <c r="AQ68" s="161"/>
      <c r="AR68" s="161"/>
      <c r="AS68" s="161"/>
      <c r="DF68" s="163"/>
      <c r="DG68" s="163"/>
    </row>
    <row r="69" spans="1:111" s="162" customFormat="1" ht="26.25" customHeight="1" x14ac:dyDescent="0.25">
      <c r="A69" s="159"/>
      <c r="B69" s="160" t="s">
        <v>152</v>
      </c>
      <c r="C69" s="160"/>
      <c r="E69" s="160"/>
      <c r="F69" s="160"/>
      <c r="G69" s="160"/>
      <c r="H69" s="160"/>
      <c r="I69" s="160"/>
      <c r="J69" s="160"/>
      <c r="K69" s="160"/>
      <c r="L69" s="160"/>
      <c r="M69" s="160"/>
      <c r="N69" s="160"/>
      <c r="O69" s="160"/>
      <c r="P69" s="160"/>
      <c r="Q69" s="160"/>
      <c r="R69" s="160"/>
      <c r="S69" s="160"/>
      <c r="T69" s="160"/>
      <c r="U69" s="160"/>
      <c r="V69" s="160"/>
      <c r="W69" s="160"/>
      <c r="X69" s="160"/>
      <c r="Y69" s="160"/>
      <c r="Z69" s="160"/>
      <c r="AA69" s="160"/>
      <c r="AB69" s="160"/>
      <c r="AC69" s="160"/>
      <c r="AD69" s="160"/>
      <c r="AE69" s="160"/>
      <c r="AF69" s="160"/>
      <c r="AG69" s="160"/>
      <c r="AH69" s="160"/>
      <c r="AI69" s="160"/>
      <c r="AJ69" s="160"/>
      <c r="AK69" s="160"/>
      <c r="AL69" s="160"/>
      <c r="AM69" s="160"/>
      <c r="AN69" s="160"/>
      <c r="AO69" s="161"/>
      <c r="AP69" s="161"/>
      <c r="AQ69" s="161"/>
      <c r="AR69" s="161"/>
      <c r="AS69" s="161"/>
      <c r="DF69" s="163"/>
      <c r="DG69" s="163"/>
    </row>
    <row r="70" spans="1:111" s="162" customFormat="1" ht="26.25" customHeight="1" x14ac:dyDescent="0.25">
      <c r="A70" s="159"/>
      <c r="B70" s="160" t="s">
        <v>175</v>
      </c>
      <c r="C70" s="160"/>
      <c r="E70" s="160"/>
      <c r="F70" s="160"/>
      <c r="G70" s="160"/>
      <c r="H70" s="160"/>
      <c r="I70" s="160"/>
      <c r="J70" s="160"/>
      <c r="K70" s="160"/>
      <c r="L70" s="160"/>
      <c r="M70" s="160"/>
      <c r="N70" s="160"/>
      <c r="O70" s="160"/>
      <c r="P70" s="160"/>
      <c r="Q70" s="160"/>
      <c r="R70" s="160"/>
      <c r="S70" s="160"/>
      <c r="T70" s="160"/>
      <c r="U70" s="160"/>
      <c r="V70" s="160"/>
      <c r="W70" s="160"/>
      <c r="X70" s="160"/>
      <c r="Y70" s="160"/>
      <c r="Z70" s="160"/>
      <c r="AA70" s="160"/>
      <c r="AB70" s="160"/>
      <c r="AC70" s="160"/>
      <c r="AD70" s="160"/>
      <c r="AE70" s="160"/>
      <c r="AF70" s="160"/>
      <c r="AG70" s="160"/>
      <c r="AH70" s="160"/>
      <c r="AI70" s="160"/>
      <c r="AJ70" s="160"/>
      <c r="AK70" s="160"/>
      <c r="AL70" s="160"/>
      <c r="AM70" s="160"/>
      <c r="AN70" s="160"/>
      <c r="AO70" s="161"/>
      <c r="AP70" s="161"/>
      <c r="AQ70" s="161"/>
      <c r="AR70" s="161"/>
      <c r="AS70" s="161"/>
      <c r="DF70" s="163"/>
      <c r="DG70" s="163"/>
    </row>
    <row r="71" spans="1:111" s="162" customFormat="1" ht="26.25" customHeight="1" x14ac:dyDescent="0.25">
      <c r="A71" s="159"/>
      <c r="B71" s="160" t="s">
        <v>178</v>
      </c>
      <c r="C71" s="160"/>
      <c r="E71" s="160"/>
      <c r="F71" s="160"/>
      <c r="G71" s="160"/>
      <c r="H71" s="160"/>
      <c r="I71" s="160"/>
      <c r="J71" s="160"/>
      <c r="K71" s="160"/>
      <c r="L71" s="160"/>
      <c r="M71" s="160"/>
      <c r="N71" s="160"/>
      <c r="O71" s="160"/>
      <c r="P71" s="160"/>
      <c r="Q71" s="160"/>
      <c r="R71" s="160"/>
      <c r="S71" s="160"/>
      <c r="T71" s="160"/>
      <c r="U71" s="160"/>
      <c r="V71" s="160"/>
      <c r="W71" s="160"/>
      <c r="X71" s="160"/>
      <c r="Y71" s="160"/>
      <c r="Z71" s="160"/>
      <c r="AA71" s="160"/>
      <c r="AB71" s="160"/>
      <c r="AC71" s="160"/>
      <c r="AD71" s="160"/>
      <c r="AE71" s="160"/>
      <c r="AF71" s="160"/>
      <c r="AG71" s="160"/>
      <c r="AH71" s="160"/>
      <c r="AI71" s="160"/>
      <c r="AJ71" s="160"/>
      <c r="AK71" s="160"/>
      <c r="AL71" s="160"/>
      <c r="AM71" s="160"/>
      <c r="AN71" s="160"/>
      <c r="AO71" s="161"/>
      <c r="AP71" s="161"/>
      <c r="AQ71" s="161"/>
      <c r="AR71" s="161"/>
      <c r="AS71" s="161"/>
      <c r="DF71" s="163"/>
      <c r="DG71" s="163"/>
    </row>
    <row r="72" spans="1:111" s="162" customFormat="1" ht="26.25" customHeight="1" x14ac:dyDescent="0.25">
      <c r="A72" s="159"/>
      <c r="B72" s="160" t="s">
        <v>198</v>
      </c>
      <c r="C72" s="160"/>
      <c r="E72" s="160"/>
      <c r="F72" s="160"/>
      <c r="G72" s="160"/>
      <c r="H72" s="160"/>
      <c r="I72" s="160"/>
      <c r="J72" s="160"/>
      <c r="K72" s="160"/>
      <c r="L72" s="160"/>
      <c r="M72" s="160"/>
      <c r="N72" s="160"/>
      <c r="O72" s="160"/>
      <c r="P72" s="160"/>
      <c r="Q72" s="160"/>
      <c r="R72" s="160"/>
      <c r="S72" s="160"/>
      <c r="T72" s="160"/>
      <c r="U72" s="160"/>
      <c r="V72" s="160"/>
      <c r="W72" s="160"/>
      <c r="X72" s="160"/>
      <c r="Y72" s="160"/>
      <c r="Z72" s="160"/>
      <c r="AA72" s="160"/>
      <c r="AB72" s="160"/>
      <c r="AC72" s="160"/>
      <c r="AD72" s="160"/>
      <c r="AE72" s="160"/>
      <c r="AF72" s="160"/>
      <c r="AG72" s="160"/>
      <c r="AH72" s="160"/>
      <c r="AI72" s="160"/>
      <c r="AJ72" s="160"/>
      <c r="AK72" s="160"/>
      <c r="AL72" s="160"/>
      <c r="AM72" s="160"/>
      <c r="AN72" s="160"/>
      <c r="AO72" s="161"/>
      <c r="AP72" s="161"/>
      <c r="AQ72" s="161"/>
      <c r="AR72" s="161"/>
      <c r="AS72" s="161"/>
      <c r="DF72" s="163"/>
      <c r="DG72" s="163"/>
    </row>
    <row r="73" spans="1:111" s="162" customFormat="1" ht="26.25" customHeight="1" x14ac:dyDescent="0.25">
      <c r="A73" s="159"/>
      <c r="B73" s="160" t="s">
        <v>190</v>
      </c>
      <c r="C73" s="160"/>
      <c r="E73" s="160"/>
      <c r="F73" s="160"/>
      <c r="G73" s="160"/>
      <c r="H73" s="160"/>
      <c r="I73" s="160"/>
      <c r="J73" s="160"/>
      <c r="K73" s="160"/>
      <c r="L73" s="160"/>
      <c r="M73" s="160"/>
      <c r="N73" s="160"/>
      <c r="O73" s="160"/>
      <c r="P73" s="160"/>
      <c r="Q73" s="160"/>
      <c r="R73" s="160"/>
      <c r="S73" s="160"/>
      <c r="T73" s="160"/>
      <c r="U73" s="160"/>
      <c r="V73" s="160"/>
      <c r="W73" s="160"/>
      <c r="X73" s="160"/>
      <c r="Y73" s="160"/>
      <c r="Z73" s="160"/>
      <c r="AA73" s="160"/>
      <c r="AB73" s="160"/>
      <c r="AC73" s="160"/>
      <c r="AD73" s="160"/>
      <c r="AE73" s="160"/>
      <c r="AF73" s="160"/>
      <c r="AG73" s="160"/>
      <c r="AH73" s="160"/>
      <c r="AI73" s="160"/>
      <c r="AJ73" s="160"/>
      <c r="AK73" s="160"/>
      <c r="AL73" s="160"/>
      <c r="AM73" s="160"/>
      <c r="AN73" s="160"/>
      <c r="AO73" s="161"/>
      <c r="AP73" s="161"/>
      <c r="AQ73" s="161"/>
      <c r="AR73" s="161"/>
      <c r="AS73" s="161"/>
      <c r="DF73" s="163"/>
      <c r="DG73" s="163"/>
    </row>
    <row r="74" spans="1:111" s="162" customFormat="1" ht="26.25" customHeight="1" x14ac:dyDescent="0.25">
      <c r="A74" s="159"/>
      <c r="B74" s="160" t="s">
        <v>196</v>
      </c>
      <c r="C74" s="160"/>
      <c r="E74" s="160"/>
      <c r="F74" s="160"/>
      <c r="G74" s="160"/>
      <c r="H74" s="160"/>
      <c r="I74" s="160"/>
      <c r="J74" s="160"/>
      <c r="K74" s="160"/>
      <c r="L74" s="160"/>
      <c r="M74" s="160"/>
      <c r="N74" s="160"/>
      <c r="O74" s="160"/>
      <c r="P74" s="160"/>
      <c r="Q74" s="160"/>
      <c r="R74" s="160"/>
      <c r="S74" s="160"/>
      <c r="T74" s="160"/>
      <c r="U74" s="160"/>
      <c r="V74" s="160"/>
      <c r="W74" s="160"/>
      <c r="X74" s="160"/>
      <c r="Y74" s="160"/>
      <c r="Z74" s="160"/>
      <c r="AA74" s="160"/>
      <c r="AB74" s="160"/>
      <c r="AC74" s="160"/>
      <c r="AD74" s="160"/>
      <c r="AE74" s="160"/>
      <c r="AF74" s="160"/>
      <c r="AG74" s="160"/>
      <c r="AH74" s="160"/>
      <c r="AI74" s="160"/>
      <c r="AJ74" s="160"/>
      <c r="AK74" s="160"/>
      <c r="AL74" s="160"/>
      <c r="AM74" s="160"/>
      <c r="AN74" s="160"/>
      <c r="AO74" s="161"/>
      <c r="AP74" s="161"/>
      <c r="AQ74" s="161"/>
      <c r="AR74" s="161"/>
      <c r="AS74" s="161"/>
      <c r="DF74" s="163"/>
      <c r="DG74" s="163"/>
    </row>
    <row r="75" spans="1:111" s="162" customFormat="1" ht="26.25" customHeight="1" x14ac:dyDescent="0.25">
      <c r="A75" s="159"/>
      <c r="B75" s="160" t="s">
        <v>191</v>
      </c>
      <c r="C75" s="160"/>
      <c r="E75" s="160"/>
      <c r="F75" s="160"/>
      <c r="G75" s="160"/>
      <c r="H75" s="160"/>
      <c r="I75" s="160"/>
      <c r="J75" s="160"/>
      <c r="K75" s="160"/>
      <c r="L75" s="160"/>
      <c r="M75" s="160"/>
      <c r="N75" s="160"/>
      <c r="O75" s="160"/>
      <c r="P75" s="160"/>
      <c r="Q75" s="160"/>
      <c r="R75" s="160"/>
      <c r="S75" s="160"/>
      <c r="T75" s="160"/>
      <c r="U75" s="160"/>
      <c r="V75" s="160"/>
      <c r="W75" s="160"/>
      <c r="X75" s="160"/>
      <c r="Y75" s="160"/>
      <c r="Z75" s="160"/>
      <c r="AA75" s="160"/>
      <c r="AB75" s="160"/>
      <c r="AC75" s="160"/>
      <c r="AD75" s="160"/>
      <c r="AE75" s="160"/>
      <c r="AF75" s="160"/>
      <c r="AG75" s="160"/>
      <c r="AH75" s="160"/>
      <c r="AI75" s="160"/>
      <c r="AJ75" s="160"/>
      <c r="AK75" s="160"/>
      <c r="AL75" s="160"/>
      <c r="AM75" s="160"/>
      <c r="AN75" s="160"/>
      <c r="AO75" s="161"/>
      <c r="AP75" s="161"/>
      <c r="AQ75" s="161"/>
      <c r="AR75" s="161"/>
      <c r="AS75" s="161"/>
      <c r="DF75" s="163"/>
      <c r="DG75" s="163"/>
    </row>
    <row r="76" spans="1:111" s="162" customFormat="1" ht="26.25" customHeight="1" x14ac:dyDescent="0.25">
      <c r="A76" s="159"/>
      <c r="B76" s="160" t="s">
        <v>192</v>
      </c>
      <c r="C76" s="160"/>
      <c r="E76" s="160"/>
      <c r="F76" s="160"/>
      <c r="G76" s="160"/>
      <c r="H76" s="160"/>
      <c r="I76" s="160"/>
      <c r="J76" s="160"/>
      <c r="K76" s="160"/>
      <c r="L76" s="160"/>
      <c r="M76" s="160"/>
      <c r="N76" s="160"/>
      <c r="O76" s="160"/>
      <c r="P76" s="160"/>
      <c r="Q76" s="160"/>
      <c r="R76" s="160"/>
      <c r="S76" s="160"/>
      <c r="T76" s="160"/>
      <c r="U76" s="160"/>
      <c r="V76" s="160"/>
      <c r="W76" s="160"/>
      <c r="X76" s="160"/>
      <c r="Y76" s="160"/>
      <c r="Z76" s="160"/>
      <c r="AA76" s="160"/>
      <c r="AB76" s="160"/>
      <c r="AC76" s="160"/>
      <c r="AD76" s="160"/>
      <c r="AE76" s="160"/>
      <c r="AF76" s="160"/>
      <c r="AG76" s="160"/>
      <c r="AH76" s="160"/>
      <c r="AI76" s="160"/>
      <c r="AJ76" s="160"/>
      <c r="AK76" s="160"/>
      <c r="AL76" s="160"/>
      <c r="AM76" s="160"/>
      <c r="AN76" s="160"/>
      <c r="AO76" s="161"/>
      <c r="AP76" s="161"/>
      <c r="AQ76" s="161"/>
      <c r="AR76" s="161"/>
      <c r="AS76" s="161"/>
      <c r="DF76" s="163"/>
      <c r="DG76" s="163"/>
    </row>
    <row r="77" spans="1:111" s="162" customFormat="1" ht="26.25" customHeight="1" x14ac:dyDescent="0.25">
      <c r="A77" s="159"/>
      <c r="B77" s="160" t="s">
        <v>113</v>
      </c>
      <c r="C77" s="160"/>
      <c r="E77" s="160"/>
      <c r="F77" s="160"/>
      <c r="G77" s="160"/>
      <c r="H77" s="160"/>
      <c r="I77" s="160"/>
      <c r="J77" s="160"/>
      <c r="K77" s="160"/>
      <c r="L77" s="160"/>
      <c r="M77" s="160"/>
      <c r="N77" s="160"/>
      <c r="O77" s="160"/>
      <c r="P77" s="160"/>
      <c r="Q77" s="160"/>
      <c r="R77" s="160"/>
      <c r="S77" s="160"/>
      <c r="T77" s="160"/>
      <c r="U77" s="160"/>
      <c r="V77" s="160"/>
      <c r="W77" s="160"/>
      <c r="X77" s="160"/>
      <c r="Y77" s="160"/>
      <c r="Z77" s="160"/>
      <c r="AA77" s="160"/>
      <c r="AB77" s="160"/>
      <c r="AC77" s="160"/>
      <c r="AD77" s="160"/>
      <c r="AE77" s="160"/>
      <c r="AF77" s="160"/>
      <c r="AG77" s="160"/>
      <c r="AH77" s="160"/>
      <c r="AI77" s="160"/>
      <c r="AJ77" s="160"/>
      <c r="AK77" s="160"/>
      <c r="AL77" s="160"/>
      <c r="AM77" s="160"/>
      <c r="AN77" s="160"/>
      <c r="AO77" s="161"/>
      <c r="AP77" s="161"/>
      <c r="AQ77" s="161"/>
      <c r="AR77" s="161"/>
      <c r="AS77" s="161"/>
      <c r="DF77" s="163"/>
      <c r="DG77" s="163"/>
    </row>
    <row r="78" spans="1:111" s="162" customFormat="1" ht="26.25" customHeight="1" x14ac:dyDescent="0.25">
      <c r="A78" s="159"/>
      <c r="B78" s="160" t="s">
        <v>197</v>
      </c>
      <c r="C78" s="160"/>
      <c r="D78" s="160"/>
      <c r="E78" s="160"/>
      <c r="F78" s="160"/>
      <c r="G78" s="160"/>
      <c r="H78" s="160"/>
      <c r="I78" s="160"/>
      <c r="J78" s="160"/>
      <c r="K78" s="160"/>
      <c r="L78" s="160"/>
      <c r="M78" s="160"/>
      <c r="N78" s="160"/>
      <c r="O78" s="160"/>
      <c r="P78" s="160"/>
      <c r="Q78" s="160"/>
      <c r="R78" s="160"/>
      <c r="S78" s="160"/>
      <c r="T78" s="160"/>
      <c r="U78" s="160"/>
      <c r="V78" s="160"/>
      <c r="W78" s="160"/>
      <c r="X78" s="160"/>
      <c r="Y78" s="160"/>
      <c r="Z78" s="160"/>
      <c r="AA78" s="160"/>
      <c r="AB78" s="160"/>
      <c r="AC78" s="160"/>
      <c r="AD78" s="160"/>
      <c r="AE78" s="160"/>
      <c r="AF78" s="160"/>
      <c r="AG78" s="160"/>
      <c r="AH78" s="160"/>
      <c r="AI78" s="160"/>
      <c r="AJ78" s="160"/>
      <c r="AK78" s="160"/>
      <c r="AL78" s="160"/>
      <c r="AM78" s="160"/>
      <c r="AN78" s="160"/>
      <c r="AO78" s="161"/>
      <c r="AP78" s="161"/>
      <c r="AQ78" s="161"/>
      <c r="AR78" s="161"/>
      <c r="AS78" s="161"/>
      <c r="DF78" s="163"/>
      <c r="DG78" s="163"/>
    </row>
    <row r="79" spans="1:111" s="162" customFormat="1" ht="26.25" customHeight="1" x14ac:dyDescent="0.25">
      <c r="A79" s="159"/>
      <c r="B79" s="160" t="s">
        <v>117</v>
      </c>
      <c r="C79" s="160"/>
      <c r="D79" s="160"/>
      <c r="E79" s="160"/>
      <c r="F79" s="160"/>
      <c r="G79" s="160"/>
      <c r="H79" s="160"/>
      <c r="I79" s="160"/>
      <c r="J79" s="160"/>
      <c r="K79" s="160"/>
      <c r="L79" s="160"/>
      <c r="M79" s="160"/>
      <c r="N79" s="160"/>
      <c r="O79" s="160"/>
      <c r="P79" s="160"/>
      <c r="Q79" s="160"/>
      <c r="R79" s="160"/>
      <c r="S79" s="160"/>
      <c r="T79" s="160"/>
      <c r="U79" s="160"/>
      <c r="V79" s="160"/>
      <c r="W79" s="160"/>
      <c r="X79" s="160"/>
      <c r="Y79" s="160"/>
      <c r="Z79" s="160"/>
      <c r="AA79" s="160"/>
      <c r="AB79" s="160"/>
      <c r="AC79" s="160"/>
      <c r="AD79" s="160"/>
      <c r="AE79" s="160"/>
      <c r="AF79" s="160"/>
      <c r="AG79" s="160"/>
      <c r="AH79" s="160"/>
      <c r="AI79" s="160"/>
      <c r="AJ79" s="160"/>
      <c r="AK79" s="160"/>
      <c r="AL79" s="160"/>
      <c r="AM79" s="160"/>
      <c r="AN79" s="160"/>
      <c r="AO79" s="161"/>
      <c r="AP79" s="161"/>
      <c r="AQ79" s="161"/>
      <c r="AR79" s="161"/>
      <c r="AS79" s="161"/>
      <c r="DF79" s="163"/>
      <c r="DG79" s="163"/>
    </row>
    <row r="80" spans="1:111" s="162" customFormat="1" ht="26.25" customHeight="1" x14ac:dyDescent="0.25">
      <c r="A80" s="159"/>
      <c r="B80" s="164" t="s">
        <v>176</v>
      </c>
      <c r="C80" s="164"/>
      <c r="D80" s="164"/>
      <c r="E80" s="164"/>
      <c r="F80" s="164"/>
      <c r="G80" s="164"/>
      <c r="H80" s="164"/>
      <c r="I80" s="164"/>
      <c r="J80" s="164"/>
      <c r="K80" s="164"/>
      <c r="L80" s="164"/>
      <c r="M80" s="164"/>
      <c r="N80" s="164"/>
      <c r="O80" s="164"/>
      <c r="P80" s="164"/>
      <c r="Q80" s="164"/>
      <c r="R80" s="164"/>
      <c r="S80" s="164"/>
      <c r="T80" s="164"/>
      <c r="U80" s="164"/>
      <c r="V80" s="164"/>
      <c r="W80" s="164"/>
      <c r="X80" s="164"/>
      <c r="Y80" s="164"/>
      <c r="Z80" s="164"/>
      <c r="AA80" s="164"/>
      <c r="AB80" s="164"/>
      <c r="AC80" s="164"/>
      <c r="AD80" s="164"/>
      <c r="AE80" s="164"/>
      <c r="AF80" s="164"/>
      <c r="AG80" s="164"/>
      <c r="AH80" s="164"/>
      <c r="AI80" s="164"/>
      <c r="AJ80" s="164"/>
      <c r="AK80" s="164"/>
      <c r="AL80" s="164"/>
      <c r="AM80" s="164"/>
      <c r="AN80" s="164"/>
      <c r="AO80" s="161"/>
      <c r="AP80" s="161"/>
      <c r="AQ80" s="161"/>
      <c r="AR80" s="161"/>
      <c r="AS80" s="161"/>
      <c r="DF80" s="163"/>
      <c r="DG80" s="163"/>
    </row>
    <row r="81" spans="1:111" s="162" customFormat="1" ht="26.25" customHeight="1" x14ac:dyDescent="0.25">
      <c r="A81" s="159"/>
      <c r="B81" s="164" t="s">
        <v>179</v>
      </c>
      <c r="C81" s="164"/>
      <c r="D81" s="164"/>
      <c r="E81" s="164"/>
      <c r="F81" s="164"/>
      <c r="G81" s="164"/>
      <c r="H81" s="164"/>
      <c r="I81" s="164"/>
      <c r="J81" s="164"/>
      <c r="K81" s="164"/>
      <c r="L81" s="164"/>
      <c r="M81" s="164"/>
      <c r="N81" s="164"/>
      <c r="O81" s="164"/>
      <c r="P81" s="164"/>
      <c r="Q81" s="164"/>
      <c r="R81" s="164"/>
      <c r="S81" s="164"/>
      <c r="T81" s="164"/>
      <c r="U81" s="164"/>
      <c r="V81" s="164"/>
      <c r="W81" s="164"/>
      <c r="X81" s="164"/>
      <c r="Y81" s="164"/>
      <c r="Z81" s="164"/>
      <c r="AA81" s="164"/>
      <c r="AB81" s="164"/>
      <c r="AC81" s="164"/>
      <c r="AD81" s="164"/>
      <c r="AE81" s="164"/>
      <c r="AF81" s="164"/>
      <c r="AG81" s="164"/>
      <c r="AH81" s="164"/>
      <c r="AI81" s="164"/>
      <c r="AJ81" s="164"/>
      <c r="AK81" s="164"/>
      <c r="AL81" s="164"/>
      <c r="AM81" s="164"/>
      <c r="AN81" s="164"/>
      <c r="AO81" s="161"/>
      <c r="AP81" s="161"/>
      <c r="AQ81" s="161"/>
      <c r="AR81" s="161"/>
      <c r="AS81" s="161"/>
      <c r="DF81" s="163"/>
      <c r="DG81" s="163"/>
    </row>
    <row r="82" spans="1:111" s="162" customFormat="1" ht="26.25" customHeight="1" x14ac:dyDescent="0.25">
      <c r="A82" s="159"/>
      <c r="B82" s="164"/>
      <c r="C82" s="164"/>
      <c r="D82" s="164"/>
      <c r="E82" s="164"/>
      <c r="F82" s="164"/>
      <c r="G82" s="164"/>
      <c r="H82" s="164"/>
      <c r="I82" s="164"/>
      <c r="J82" s="164"/>
      <c r="K82" s="164"/>
      <c r="L82" s="164"/>
      <c r="M82" s="164"/>
      <c r="N82" s="164"/>
      <c r="O82" s="164"/>
      <c r="P82" s="164"/>
      <c r="Q82" s="164"/>
      <c r="R82" s="164"/>
      <c r="S82" s="164"/>
      <c r="T82" s="164"/>
      <c r="U82" s="164"/>
      <c r="V82" s="164"/>
      <c r="W82" s="164"/>
      <c r="X82" s="164"/>
      <c r="Y82" s="164"/>
      <c r="Z82" s="164"/>
      <c r="AA82" s="164"/>
      <c r="AB82" s="164"/>
      <c r="AC82" s="164"/>
      <c r="AD82" s="164"/>
      <c r="AE82" s="164"/>
      <c r="AF82" s="164"/>
      <c r="AG82" s="164"/>
      <c r="AH82" s="164"/>
      <c r="AI82" s="164"/>
      <c r="AJ82" s="164"/>
      <c r="AK82" s="164"/>
      <c r="AL82" s="164"/>
      <c r="AM82" s="164"/>
      <c r="AN82" s="164"/>
      <c r="AO82" s="161"/>
      <c r="AP82" s="161"/>
      <c r="AQ82" s="161"/>
      <c r="AR82" s="161"/>
      <c r="AS82" s="161"/>
      <c r="DF82" s="163"/>
      <c r="DG82" s="163"/>
    </row>
    <row r="83" spans="1:111" s="162" customFormat="1" ht="26.25" customHeight="1" x14ac:dyDescent="0.25">
      <c r="A83" s="159"/>
      <c r="B83" s="160" t="s">
        <v>118</v>
      </c>
      <c r="C83" s="165"/>
      <c r="D83" s="165"/>
      <c r="E83" s="165"/>
      <c r="F83" s="166"/>
      <c r="G83" s="166"/>
      <c r="H83" s="166"/>
      <c r="I83" s="166"/>
      <c r="J83" s="166"/>
      <c r="K83" s="166"/>
      <c r="L83" s="166"/>
      <c r="M83" s="166"/>
      <c r="N83" s="164"/>
      <c r="O83" s="164"/>
      <c r="P83" s="164"/>
      <c r="Q83" s="164"/>
      <c r="R83" s="164"/>
      <c r="S83" s="164"/>
      <c r="T83" s="164"/>
      <c r="U83" s="164"/>
      <c r="V83" s="164"/>
      <c r="W83" s="164"/>
      <c r="X83" s="164"/>
      <c r="Y83" s="164"/>
      <c r="Z83" s="164"/>
      <c r="AA83" s="164"/>
      <c r="AB83" s="164"/>
      <c r="AC83" s="164"/>
      <c r="AD83" s="164"/>
      <c r="AE83" s="164"/>
      <c r="AF83" s="164"/>
      <c r="AG83" s="164"/>
      <c r="AH83" s="164"/>
      <c r="AI83" s="164"/>
      <c r="AJ83" s="164"/>
      <c r="AK83" s="164"/>
      <c r="AL83" s="164"/>
      <c r="AM83" s="164"/>
      <c r="AN83" s="164"/>
      <c r="AO83" s="161"/>
      <c r="AP83" s="161"/>
      <c r="AQ83" s="161"/>
      <c r="AR83" s="161"/>
      <c r="AS83" s="161"/>
      <c r="DF83" s="163"/>
      <c r="DG83" s="163"/>
    </row>
    <row r="84" spans="1:111" s="162" customFormat="1" ht="26.25" customHeight="1" x14ac:dyDescent="0.25">
      <c r="A84" s="159"/>
      <c r="B84" s="160" t="s">
        <v>199</v>
      </c>
      <c r="C84" s="165"/>
      <c r="D84" s="165"/>
      <c r="E84" s="165"/>
      <c r="F84" s="166"/>
      <c r="G84" s="166"/>
      <c r="H84" s="166"/>
      <c r="I84" s="166"/>
      <c r="J84" s="166"/>
      <c r="K84" s="166"/>
      <c r="L84" s="166"/>
      <c r="M84" s="166"/>
      <c r="N84" s="164"/>
      <c r="O84" s="164"/>
      <c r="P84" s="164"/>
      <c r="Q84" s="164"/>
      <c r="R84" s="164"/>
      <c r="S84" s="164"/>
      <c r="T84" s="164"/>
      <c r="U84" s="164"/>
      <c r="V84" s="164"/>
      <c r="W84" s="164"/>
      <c r="X84" s="164"/>
      <c r="Y84" s="164"/>
      <c r="Z84" s="164"/>
      <c r="AA84" s="164"/>
      <c r="AB84" s="164"/>
      <c r="AC84" s="164"/>
      <c r="AD84" s="164"/>
      <c r="AE84" s="164"/>
      <c r="AF84" s="164"/>
      <c r="AG84" s="164"/>
      <c r="AH84" s="164"/>
      <c r="AI84" s="164"/>
      <c r="AJ84" s="164"/>
      <c r="AK84" s="164"/>
      <c r="AL84" s="164"/>
      <c r="AM84" s="164"/>
      <c r="AN84" s="164"/>
      <c r="AO84" s="161"/>
      <c r="AP84" s="161"/>
      <c r="AQ84" s="161"/>
      <c r="AR84" s="161"/>
      <c r="AS84" s="161"/>
      <c r="DF84" s="163"/>
      <c r="DG84" s="163"/>
    </row>
    <row r="85" spans="1:111" s="162" customFormat="1" ht="26.25" customHeight="1" x14ac:dyDescent="0.25">
      <c r="B85" s="160" t="s">
        <v>120</v>
      </c>
      <c r="C85" s="167"/>
      <c r="D85" s="167"/>
      <c r="E85" s="167"/>
      <c r="F85" s="167"/>
      <c r="G85" s="167"/>
      <c r="H85" s="167"/>
      <c r="I85" s="167"/>
      <c r="J85" s="167"/>
      <c r="K85" s="167"/>
      <c r="L85" s="167"/>
      <c r="M85" s="167"/>
      <c r="N85" s="167"/>
      <c r="O85" s="167"/>
      <c r="P85" s="167"/>
      <c r="Q85" s="167"/>
      <c r="R85" s="167"/>
      <c r="S85" s="167"/>
      <c r="T85" s="167"/>
      <c r="U85" s="167"/>
      <c r="V85" s="167"/>
      <c r="W85" s="167"/>
      <c r="X85" s="167"/>
      <c r="Y85" s="167"/>
      <c r="Z85" s="167"/>
      <c r="AA85" s="167"/>
      <c r="AB85" s="167"/>
      <c r="AC85" s="167"/>
      <c r="AD85" s="167"/>
      <c r="AE85" s="167"/>
      <c r="AF85" s="167"/>
      <c r="AG85" s="167"/>
      <c r="AH85" s="167"/>
      <c r="AI85" s="167"/>
      <c r="AJ85" s="167"/>
      <c r="AK85" s="167"/>
      <c r="AL85" s="167"/>
      <c r="AM85" s="167"/>
      <c r="AN85" s="167"/>
      <c r="AO85" s="167"/>
      <c r="AP85" s="167"/>
      <c r="AQ85" s="167"/>
      <c r="AR85" s="167"/>
      <c r="AS85" s="167"/>
      <c r="DF85" s="163"/>
      <c r="DG85" s="163"/>
    </row>
    <row r="86" spans="1:111" x14ac:dyDescent="0.2">
      <c r="B86" s="2"/>
      <c r="C86" s="2"/>
      <c r="D86" s="2"/>
      <c r="E86" s="2"/>
      <c r="F86" s="2"/>
      <c r="G86" s="2"/>
      <c r="H86" s="2"/>
      <c r="I86" s="2"/>
      <c r="J86" s="2"/>
      <c r="K86" s="2"/>
      <c r="L86" s="2"/>
      <c r="M86" s="2"/>
      <c r="N86" s="2"/>
      <c r="O86" s="2"/>
      <c r="P86" s="2"/>
      <c r="Q86" s="2"/>
      <c r="R86" s="2"/>
      <c r="S86" s="2"/>
      <c r="T86" s="2"/>
      <c r="U86" s="2"/>
      <c r="V86" s="2"/>
      <c r="W86" s="2"/>
      <c r="X86" s="2"/>
      <c r="Y86" s="2"/>
      <c r="Z86" s="2"/>
      <c r="AA86" s="2"/>
      <c r="AB86" s="2"/>
      <c r="AC86" s="2"/>
      <c r="AD86" s="2"/>
      <c r="AE86" s="2"/>
      <c r="AF86" s="2"/>
      <c r="AG86" s="2"/>
      <c r="AH86" s="2"/>
      <c r="AI86" s="2"/>
      <c r="AJ86" s="2"/>
      <c r="AK86" s="2"/>
      <c r="AL86" s="2"/>
      <c r="AM86" s="2"/>
      <c r="AN86" s="2"/>
      <c r="AO86" s="2"/>
      <c r="AP86" s="2"/>
      <c r="AQ86" s="2"/>
      <c r="AR86" s="2"/>
      <c r="AS86" s="2"/>
      <c r="AT86" s="2"/>
      <c r="AU86" s="2"/>
    </row>
    <row r="87" spans="1:111" x14ac:dyDescent="0.2">
      <c r="B87" s="2"/>
      <c r="C87" s="2"/>
      <c r="D87" s="2"/>
      <c r="E87" s="2"/>
      <c r="F87" s="2"/>
      <c r="G87" s="2"/>
      <c r="H87" s="2"/>
      <c r="I87" s="2"/>
      <c r="J87" s="2"/>
      <c r="K87" s="2"/>
      <c r="L87" s="2"/>
      <c r="M87" s="2"/>
      <c r="N87" s="2"/>
      <c r="O87" s="2"/>
      <c r="P87" s="2"/>
      <c r="Q87" s="2"/>
      <c r="R87" s="2"/>
      <c r="S87" s="2"/>
      <c r="T87" s="2"/>
      <c r="U87" s="2"/>
      <c r="V87" s="2"/>
      <c r="W87" s="2"/>
      <c r="X87" s="2"/>
      <c r="Y87" s="2"/>
      <c r="Z87" s="2"/>
      <c r="AA87" s="2"/>
      <c r="AB87" s="2"/>
      <c r="AC87" s="2"/>
      <c r="AD87" s="2"/>
      <c r="AE87" s="2"/>
      <c r="AF87" s="2"/>
      <c r="AG87" s="2"/>
      <c r="AH87" s="2"/>
      <c r="AI87" s="2"/>
      <c r="AJ87" s="2"/>
      <c r="AK87" s="2"/>
      <c r="AL87" s="2"/>
      <c r="AM87" s="2"/>
      <c r="AN87" s="2"/>
      <c r="AO87" s="2"/>
      <c r="AP87" s="2"/>
      <c r="AQ87" s="2"/>
      <c r="AR87" s="2"/>
      <c r="AS87" s="2"/>
      <c r="AT87" s="2"/>
      <c r="AU87" s="2"/>
    </row>
    <row r="88" spans="1:111" x14ac:dyDescent="0.2">
      <c r="B88" s="2"/>
      <c r="C88" s="2"/>
      <c r="D88" s="2"/>
      <c r="E88" s="2"/>
      <c r="F88" s="2"/>
      <c r="G88" s="2"/>
      <c r="H88" s="2"/>
      <c r="I88" s="2"/>
      <c r="J88" s="2"/>
      <c r="K88" s="2"/>
      <c r="L88" s="2"/>
      <c r="M88" s="2"/>
      <c r="N88" s="2"/>
      <c r="O88" s="2"/>
      <c r="P88" s="2"/>
      <c r="Q88" s="2"/>
      <c r="R88" s="2"/>
      <c r="S88" s="2"/>
      <c r="T88" s="2"/>
      <c r="U88" s="2"/>
      <c r="V88" s="2"/>
      <c r="W88" s="2"/>
      <c r="X88" s="2"/>
      <c r="Y88" s="2"/>
      <c r="Z88" s="2"/>
      <c r="AA88" s="2"/>
      <c r="AB88" s="2"/>
      <c r="AC88" s="2"/>
      <c r="AD88" s="2"/>
      <c r="AE88" s="2"/>
      <c r="AF88" s="2"/>
      <c r="AG88" s="2"/>
      <c r="AH88" s="2"/>
      <c r="AI88" s="2"/>
      <c r="AJ88" s="2"/>
      <c r="AK88" s="2"/>
      <c r="AL88" s="2"/>
      <c r="AM88" s="2"/>
      <c r="AN88" s="2"/>
      <c r="AO88" s="2"/>
      <c r="AP88" s="2"/>
      <c r="AQ88" s="2"/>
      <c r="AR88" s="2"/>
      <c r="AS88" s="2"/>
      <c r="AT88" s="2"/>
      <c r="AU88" s="2"/>
    </row>
    <row r="89" spans="1:111" x14ac:dyDescent="0.2">
      <c r="B89" s="2"/>
      <c r="C89" s="2"/>
      <c r="D89" s="2"/>
      <c r="E89" s="2"/>
      <c r="F89" s="2"/>
      <c r="G89" s="2"/>
      <c r="H89" s="2"/>
      <c r="I89" s="2"/>
      <c r="J89" s="2"/>
      <c r="K89" s="2"/>
      <c r="L89" s="2"/>
      <c r="M89" s="2"/>
      <c r="N89" s="2"/>
      <c r="O89" s="2"/>
      <c r="P89" s="2"/>
      <c r="Q89" s="2"/>
      <c r="R89" s="2"/>
      <c r="S89" s="2"/>
      <c r="T89" s="2"/>
      <c r="U89" s="2"/>
      <c r="V89" s="2"/>
      <c r="W89" s="2"/>
      <c r="X89" s="2"/>
      <c r="Y89" s="2"/>
      <c r="Z89" s="2"/>
      <c r="AA89" s="2"/>
      <c r="AB89" s="2"/>
      <c r="AC89" s="2"/>
      <c r="AD89" s="2"/>
      <c r="AE89" s="2"/>
      <c r="AF89" s="2"/>
      <c r="AG89" s="2"/>
      <c r="AH89" s="2"/>
      <c r="AI89" s="2"/>
      <c r="AJ89" s="2"/>
      <c r="AK89" s="2"/>
      <c r="AL89" s="2"/>
      <c r="AM89" s="2"/>
      <c r="AN89" s="2"/>
      <c r="AO89" s="2"/>
      <c r="AP89" s="2"/>
      <c r="AQ89" s="2"/>
      <c r="AR89" s="2"/>
      <c r="AS89" s="2"/>
      <c r="AT89" s="2"/>
      <c r="AU89" s="2"/>
    </row>
    <row r="90" spans="1:111" x14ac:dyDescent="0.2">
      <c r="B90" s="2"/>
      <c r="C90" s="2"/>
      <c r="D90" s="2"/>
      <c r="E90" s="2"/>
      <c r="F90" s="2"/>
      <c r="G90" s="2"/>
      <c r="H90" s="2"/>
      <c r="I90" s="2"/>
      <c r="J90" s="2"/>
      <c r="K90" s="2"/>
      <c r="L90" s="2"/>
      <c r="M90" s="2"/>
      <c r="N90" s="2"/>
      <c r="O90" s="2"/>
      <c r="P90" s="2"/>
      <c r="Q90" s="2"/>
      <c r="R90" s="2"/>
      <c r="S90" s="2"/>
      <c r="T90" s="2"/>
      <c r="U90" s="2"/>
      <c r="V90" s="2"/>
      <c r="W90" s="2"/>
      <c r="X90" s="2"/>
      <c r="Y90" s="2"/>
      <c r="Z90" s="2"/>
      <c r="AA90" s="2"/>
      <c r="AB90" s="2"/>
      <c r="AC90" s="2"/>
      <c r="AD90" s="2"/>
      <c r="AE90" s="2"/>
      <c r="AF90" s="2"/>
      <c r="AG90" s="2"/>
      <c r="AH90" s="2"/>
      <c r="AI90" s="2"/>
      <c r="AJ90" s="2"/>
      <c r="AK90" s="2"/>
      <c r="AL90" s="2"/>
      <c r="AM90" s="2"/>
      <c r="AN90" s="2"/>
      <c r="AO90" s="2"/>
      <c r="AP90" s="2"/>
      <c r="AQ90" s="2"/>
      <c r="AR90" s="2"/>
      <c r="AS90" s="2"/>
      <c r="AT90" s="2"/>
      <c r="AU90" s="2"/>
    </row>
  </sheetData>
  <mergeCells count="196">
    <mergeCell ref="B2:G3"/>
    <mergeCell ref="H2:U3"/>
    <mergeCell ref="AB2:AG3"/>
    <mergeCell ref="H8:S8"/>
    <mergeCell ref="T8:AE8"/>
    <mergeCell ref="AH2:AM3"/>
    <mergeCell ref="AH5:AN6"/>
    <mergeCell ref="BO5:BR6"/>
    <mergeCell ref="AO5:BJ6"/>
    <mergeCell ref="V2:AA3"/>
    <mergeCell ref="AN2:AS3"/>
    <mergeCell ref="B5:D5"/>
    <mergeCell ref="B6:D6"/>
    <mergeCell ref="AL8:AY8"/>
    <mergeCell ref="BS5:CE6"/>
    <mergeCell ref="BZ10:CI11"/>
    <mergeCell ref="BM12:BZ14"/>
    <mergeCell ref="DA12:DE16"/>
    <mergeCell ref="BM15:BN17"/>
    <mergeCell ref="BO15:BP17"/>
    <mergeCell ref="BQ15:BR17"/>
    <mergeCell ref="BS15:BT17"/>
    <mergeCell ref="BU15:BV17"/>
    <mergeCell ref="BY15:BZ17"/>
    <mergeCell ref="BV7:DE7"/>
    <mergeCell ref="AZ9:BU9"/>
    <mergeCell ref="BC10:BU10"/>
    <mergeCell ref="BC11:BU11"/>
    <mergeCell ref="BF15:BL17"/>
    <mergeCell ref="CJ8:DE8"/>
    <mergeCell ref="AZ8:BU8"/>
    <mergeCell ref="CJ9:DE9"/>
    <mergeCell ref="BV8:CI8"/>
    <mergeCell ref="AL7:BU7"/>
    <mergeCell ref="CH2:CQ2"/>
    <mergeCell ref="AZ18:BE21"/>
    <mergeCell ref="AC15:AD17"/>
    <mergeCell ref="CA15:CI17"/>
    <mergeCell ref="CJ12:CZ14"/>
    <mergeCell ref="DA17:DE17"/>
    <mergeCell ref="CM10:DE10"/>
    <mergeCell ref="CM11:DE11"/>
    <mergeCell ref="BF18:DE21"/>
    <mergeCell ref="E5:AG5"/>
    <mergeCell ref="E6:AG6"/>
    <mergeCell ref="B9:G9"/>
    <mergeCell ref="AF9:AK9"/>
    <mergeCell ref="AP10:AY11"/>
    <mergeCell ref="AL10:AO11"/>
    <mergeCell ref="B10:B11"/>
    <mergeCell ref="C10:O11"/>
    <mergeCell ref="B18:C21"/>
    <mergeCell ref="CR2:DE2"/>
    <mergeCell ref="T9:AE9"/>
    <mergeCell ref="S10:AK10"/>
    <mergeCell ref="S11:AK11"/>
    <mergeCell ref="B15:D17"/>
    <mergeCell ref="E17:H17"/>
    <mergeCell ref="CZ52:DB54"/>
    <mergeCell ref="DC52:DE54"/>
    <mergeCell ref="CT52:CV54"/>
    <mergeCell ref="CW52:CY54"/>
    <mergeCell ref="BS23:CE24"/>
    <mergeCell ref="CF23:DE24"/>
    <mergeCell ref="CJ28:CL29"/>
    <mergeCell ref="CM28:DE28"/>
    <mergeCell ref="CM29:DE29"/>
    <mergeCell ref="BV28:BY29"/>
    <mergeCell ref="DA30:DE34"/>
    <mergeCell ref="BU33:BV35"/>
    <mergeCell ref="BW33:BX35"/>
    <mergeCell ref="BY33:BZ35"/>
    <mergeCell ref="CA33:CI35"/>
    <mergeCell ref="DA35:DE35"/>
    <mergeCell ref="CJ26:DE26"/>
    <mergeCell ref="BS33:BT35"/>
    <mergeCell ref="CA30:CI32"/>
    <mergeCell ref="CJ33:CZ35"/>
    <mergeCell ref="CJ30:CZ32"/>
    <mergeCell ref="E18:O18"/>
    <mergeCell ref="V48:Z48"/>
    <mergeCell ref="BF12:BL14"/>
    <mergeCell ref="AJ18:AY18"/>
    <mergeCell ref="P18:AI18"/>
    <mergeCell ref="B1:DE1"/>
    <mergeCell ref="BV9:CI9"/>
    <mergeCell ref="CF5:DE6"/>
    <mergeCell ref="BK5:BN6"/>
    <mergeCell ref="B8:G8"/>
    <mergeCell ref="AF8:AK8"/>
    <mergeCell ref="B7:AK7"/>
    <mergeCell ref="CJ10:CL11"/>
    <mergeCell ref="BB15:BC17"/>
    <mergeCell ref="AZ12:BE14"/>
    <mergeCell ref="AZ10:BB11"/>
    <mergeCell ref="AZ15:BA17"/>
    <mergeCell ref="BD15:BE17"/>
    <mergeCell ref="BV10:BY11"/>
    <mergeCell ref="CJ15:CZ17"/>
    <mergeCell ref="CA12:CI14"/>
    <mergeCell ref="BW15:BX17"/>
    <mergeCell ref="I12:M17"/>
    <mergeCell ref="B12:D14"/>
    <mergeCell ref="E12:H16"/>
    <mergeCell ref="N12:AB17"/>
    <mergeCell ref="P10:R11"/>
    <mergeCell ref="AK12:AY17"/>
    <mergeCell ref="AE15:AF17"/>
    <mergeCell ref="AG15:AH17"/>
    <mergeCell ref="AC12:AJ14"/>
    <mergeCell ref="AI15:AJ17"/>
    <mergeCell ref="AL9:AY9"/>
    <mergeCell ref="H9:S9"/>
    <mergeCell ref="B25:AK25"/>
    <mergeCell ref="AL25:BU25"/>
    <mergeCell ref="BV25:DE25"/>
    <mergeCell ref="B26:G26"/>
    <mergeCell ref="H26:S26"/>
    <mergeCell ref="T26:AE26"/>
    <mergeCell ref="AF26:AK26"/>
    <mergeCell ref="AL26:AY26"/>
    <mergeCell ref="AZ26:BU26"/>
    <mergeCell ref="BV26:CI26"/>
    <mergeCell ref="B24:D24"/>
    <mergeCell ref="E24:AG24"/>
    <mergeCell ref="AH23:AN24"/>
    <mergeCell ref="AO23:BJ24"/>
    <mergeCell ref="AJ19:AY19"/>
    <mergeCell ref="AJ20:AY20"/>
    <mergeCell ref="AJ21:AY21"/>
    <mergeCell ref="BK23:BN24"/>
    <mergeCell ref="BO23:BR24"/>
    <mergeCell ref="B23:D23"/>
    <mergeCell ref="E23:AG23"/>
    <mergeCell ref="E21:O21"/>
    <mergeCell ref="P21:AI21"/>
    <mergeCell ref="E19:O19"/>
    <mergeCell ref="E20:O20"/>
    <mergeCell ref="P19:AI19"/>
    <mergeCell ref="P20:AI20"/>
    <mergeCell ref="AL27:AY27"/>
    <mergeCell ref="AZ27:BU27"/>
    <mergeCell ref="BV27:CI27"/>
    <mergeCell ref="CJ27:DE27"/>
    <mergeCell ref="B27:G27"/>
    <mergeCell ref="H27:S27"/>
    <mergeCell ref="T27:AE27"/>
    <mergeCell ref="AF27:AK27"/>
    <mergeCell ref="BZ28:CI29"/>
    <mergeCell ref="AZ28:BB29"/>
    <mergeCell ref="C28:O29"/>
    <mergeCell ref="P28:R29"/>
    <mergeCell ref="S28:AK28"/>
    <mergeCell ref="AL28:AO29"/>
    <mergeCell ref="AP28:AY29"/>
    <mergeCell ref="BC28:BU28"/>
    <mergeCell ref="BC29:BU29"/>
    <mergeCell ref="B30:D32"/>
    <mergeCell ref="E30:H34"/>
    <mergeCell ref="I30:M35"/>
    <mergeCell ref="N30:AB35"/>
    <mergeCell ref="B33:D35"/>
    <mergeCell ref="S29:AK29"/>
    <mergeCell ref="BF33:BL35"/>
    <mergeCell ref="B28:B29"/>
    <mergeCell ref="BQ33:BR35"/>
    <mergeCell ref="BM33:BN35"/>
    <mergeCell ref="BO33:BP35"/>
    <mergeCell ref="BM30:BZ32"/>
    <mergeCell ref="E35:H35"/>
    <mergeCell ref="AZ30:BE32"/>
    <mergeCell ref="BF30:BL32"/>
    <mergeCell ref="AC33:AD35"/>
    <mergeCell ref="BD33:BE35"/>
    <mergeCell ref="AE33:AF35"/>
    <mergeCell ref="AG33:AH35"/>
    <mergeCell ref="AI33:AJ35"/>
    <mergeCell ref="AZ33:BA35"/>
    <mergeCell ref="BB33:BC35"/>
    <mergeCell ref="AC30:AJ32"/>
    <mergeCell ref="AK30:AY35"/>
    <mergeCell ref="AJ38:AY38"/>
    <mergeCell ref="B36:C39"/>
    <mergeCell ref="E36:O36"/>
    <mergeCell ref="P36:AI36"/>
    <mergeCell ref="AJ36:AY36"/>
    <mergeCell ref="AZ36:BE39"/>
    <mergeCell ref="BF36:DE39"/>
    <mergeCell ref="E37:O37"/>
    <mergeCell ref="E39:O39"/>
    <mergeCell ref="P39:AI39"/>
    <mergeCell ref="AJ39:AY39"/>
    <mergeCell ref="P37:AI37"/>
    <mergeCell ref="AJ37:AY37"/>
    <mergeCell ref="E38:O38"/>
    <mergeCell ref="P38:AI38"/>
  </mergeCells>
  <phoneticPr fontId="3"/>
  <printOptions horizontalCentered="1"/>
  <pageMargins left="0" right="0" top="0" bottom="0" header="0" footer="0"/>
  <pageSetup paperSize="9" scale="51" fitToHeight="2" orientation="landscape" r:id="rId1"/>
  <headerFooter alignWithMargins="0"/>
  <rowBreaks count="1" manualBreakCount="1">
    <brk id="54" min="1" max="108"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dimension ref="A1:DC105"/>
  <sheetViews>
    <sheetView topLeftCell="A22" zoomScale="50" zoomScaleNormal="50" zoomScaleSheetLayoutView="55" workbookViewId="0">
      <selection activeCell="AV69" sqref="AV69"/>
    </sheetView>
  </sheetViews>
  <sheetFormatPr defaultColWidth="9" defaultRowHeight="13.2" x14ac:dyDescent="0.2"/>
  <cols>
    <col min="1" max="1" width="2.44140625" style="1" customWidth="1"/>
    <col min="2" max="105" width="3.33203125" style="1" customWidth="1"/>
    <col min="106" max="106" width="9.21875" style="144" customWidth="1"/>
    <col min="107" max="107" width="9" style="144"/>
    <col min="108" max="16384" width="9" style="1"/>
  </cols>
  <sheetData>
    <row r="1" spans="1:107" ht="38.25" customHeight="1" x14ac:dyDescent="0.2">
      <c r="A1" s="179"/>
      <c r="B1" s="648" t="s">
        <v>86</v>
      </c>
      <c r="C1" s="648"/>
      <c r="D1" s="648"/>
      <c r="E1" s="648"/>
      <c r="F1" s="648"/>
      <c r="G1" s="648"/>
      <c r="H1" s="648"/>
      <c r="I1" s="648"/>
      <c r="J1" s="648"/>
      <c r="K1" s="648"/>
      <c r="L1" s="648"/>
      <c r="M1" s="648"/>
      <c r="N1" s="648"/>
      <c r="O1" s="648"/>
      <c r="P1" s="648"/>
      <c r="Q1" s="648"/>
      <c r="R1" s="648"/>
      <c r="S1" s="648"/>
      <c r="T1" s="648"/>
      <c r="U1" s="648"/>
      <c r="V1" s="648"/>
      <c r="W1" s="648"/>
      <c r="X1" s="648"/>
      <c r="Y1" s="648"/>
      <c r="Z1" s="648"/>
      <c r="AA1" s="648"/>
      <c r="AB1" s="648"/>
      <c r="AC1" s="648"/>
      <c r="AD1" s="648"/>
      <c r="AE1" s="648"/>
      <c r="AF1" s="648"/>
      <c r="AG1" s="648"/>
      <c r="AH1" s="648"/>
      <c r="AI1" s="648"/>
      <c r="AJ1" s="648"/>
      <c r="AK1" s="648"/>
      <c r="AL1" s="648"/>
      <c r="AM1" s="648"/>
      <c r="AN1" s="648"/>
      <c r="AO1" s="648"/>
      <c r="AP1" s="648"/>
      <c r="AQ1" s="648"/>
      <c r="AR1" s="648"/>
      <c r="AS1" s="648"/>
      <c r="AT1" s="648"/>
      <c r="AU1" s="648"/>
      <c r="AV1" s="648"/>
      <c r="AW1" s="648"/>
      <c r="AX1" s="648"/>
      <c r="AY1" s="648"/>
      <c r="AZ1" s="648"/>
      <c r="BA1" s="648"/>
      <c r="BB1" s="648"/>
      <c r="BC1" s="648"/>
      <c r="BD1" s="648"/>
      <c r="BE1" s="648"/>
      <c r="BF1" s="648"/>
      <c r="BG1" s="648"/>
      <c r="BH1" s="648"/>
      <c r="BI1" s="648"/>
      <c r="BJ1" s="648"/>
      <c r="BK1" s="648"/>
      <c r="BL1" s="648"/>
      <c r="BM1" s="648"/>
      <c r="BN1" s="648"/>
      <c r="BO1" s="648"/>
      <c r="BP1" s="648"/>
      <c r="BQ1" s="648"/>
      <c r="BR1" s="648"/>
      <c r="BS1" s="648"/>
      <c r="BT1" s="648"/>
      <c r="BU1" s="648"/>
      <c r="BV1" s="648"/>
      <c r="BW1" s="648"/>
      <c r="BX1" s="648"/>
      <c r="BY1" s="648"/>
      <c r="BZ1" s="648"/>
      <c r="CA1" s="648"/>
      <c r="CB1" s="648"/>
      <c r="CC1" s="648"/>
      <c r="CD1" s="648"/>
      <c r="CE1" s="202"/>
      <c r="CF1" s="202"/>
      <c r="CG1" s="202"/>
      <c r="CH1" s="202"/>
      <c r="CI1" s="202"/>
      <c r="CJ1" s="202"/>
      <c r="CK1" s="202"/>
      <c r="CL1" s="202"/>
      <c r="CM1" s="202"/>
      <c r="CN1" s="202"/>
      <c r="CO1" s="202"/>
      <c r="CP1" s="202"/>
      <c r="CQ1" s="202"/>
      <c r="CR1" s="202"/>
      <c r="CS1" s="202"/>
      <c r="CT1" s="202"/>
      <c r="CU1" s="202"/>
      <c r="CV1" s="202"/>
      <c r="CW1" s="202"/>
      <c r="CX1" s="202"/>
      <c r="CY1" s="202"/>
      <c r="CZ1" s="202"/>
      <c r="DA1" s="202"/>
    </row>
    <row r="2" spans="1:107" s="2" customFormat="1" ht="18" customHeight="1" thickBot="1" x14ac:dyDescent="0.2">
      <c r="A2" s="180"/>
      <c r="B2" s="196"/>
      <c r="C2" s="196"/>
      <c r="D2" s="196"/>
      <c r="E2" s="196"/>
      <c r="F2" s="196"/>
      <c r="G2" s="196"/>
      <c r="H2" s="196"/>
      <c r="I2" s="196"/>
      <c r="J2" s="196"/>
      <c r="K2" s="196"/>
      <c r="L2" s="196"/>
      <c r="M2" s="196"/>
      <c r="N2" s="196"/>
      <c r="O2" s="196"/>
      <c r="P2" s="196"/>
      <c r="Q2" s="196"/>
      <c r="R2" s="196"/>
      <c r="S2" s="196"/>
      <c r="T2" s="196"/>
      <c r="U2" s="196"/>
      <c r="V2" s="196"/>
      <c r="W2" s="196"/>
      <c r="X2" s="196"/>
      <c r="Y2" s="196"/>
      <c r="Z2" s="196"/>
      <c r="AA2" s="196"/>
      <c r="AB2" s="196"/>
      <c r="AC2" s="196"/>
      <c r="AD2" s="196"/>
      <c r="AE2" s="196"/>
      <c r="AF2" s="196"/>
      <c r="AG2" s="196"/>
      <c r="AH2" s="196"/>
      <c r="AI2" s="196"/>
      <c r="AJ2" s="196"/>
      <c r="AK2" s="196"/>
      <c r="AL2" s="196"/>
      <c r="AM2" s="196"/>
      <c r="AN2" s="196"/>
      <c r="AO2" s="196"/>
      <c r="AP2" s="196"/>
      <c r="AQ2" s="196"/>
      <c r="AR2" s="196"/>
      <c r="AS2" s="196"/>
      <c r="AT2" s="196"/>
      <c r="AU2" s="196"/>
      <c r="AV2" s="196"/>
      <c r="AW2" s="196"/>
      <c r="AX2" s="196"/>
      <c r="AY2" s="196"/>
      <c r="AZ2" s="196"/>
      <c r="BA2" s="196"/>
      <c r="BB2" s="196"/>
      <c r="BC2" s="196"/>
      <c r="BD2" s="196"/>
      <c r="BE2" s="196"/>
      <c r="BF2" s="196"/>
      <c r="BG2" s="196"/>
      <c r="BH2" s="196"/>
      <c r="BI2" s="196"/>
      <c r="BJ2" s="196"/>
      <c r="BK2" s="196"/>
      <c r="BL2" s="196"/>
      <c r="BM2" s="196"/>
      <c r="BN2" s="196"/>
      <c r="BO2" s="196"/>
      <c r="BP2" s="196"/>
      <c r="BQ2" s="196"/>
      <c r="BR2" s="196"/>
      <c r="BS2" s="196"/>
      <c r="BT2" s="196"/>
      <c r="BU2" s="196"/>
      <c r="BV2" s="196"/>
      <c r="BW2" s="196"/>
      <c r="BX2" s="196"/>
      <c r="BY2" s="196"/>
      <c r="BZ2" s="196"/>
      <c r="CA2" s="196"/>
      <c r="CB2" s="196"/>
      <c r="CC2" s="196"/>
      <c r="CD2" s="196"/>
      <c r="CE2" s="196"/>
      <c r="CF2" s="196"/>
      <c r="CG2" s="196"/>
      <c r="CH2" s="196"/>
      <c r="CI2" s="193"/>
      <c r="CJ2" s="193"/>
      <c r="CK2" s="193"/>
      <c r="CL2" s="193"/>
      <c r="CM2" s="193"/>
      <c r="CN2" s="195"/>
      <c r="CO2" s="195"/>
      <c r="CP2" s="195"/>
      <c r="CQ2" s="195"/>
      <c r="CR2" s="195"/>
      <c r="CS2" s="195"/>
      <c r="CT2" s="195"/>
      <c r="CU2" s="195"/>
      <c r="CV2" s="195"/>
      <c r="CW2" s="195"/>
      <c r="CX2" s="195"/>
      <c r="CY2" s="195"/>
      <c r="CZ2" s="195"/>
      <c r="DA2" s="195"/>
      <c r="DB2" s="53"/>
      <c r="DC2" s="53"/>
    </row>
    <row r="3" spans="1:107" s="64" customFormat="1" ht="16.05" customHeight="1" x14ac:dyDescent="0.15">
      <c r="A3" s="180"/>
      <c r="B3" s="649" t="s">
        <v>76</v>
      </c>
      <c r="C3" s="650"/>
      <c r="D3" s="650"/>
      <c r="E3" s="650"/>
      <c r="F3" s="650"/>
      <c r="G3" s="650"/>
      <c r="H3" s="650"/>
      <c r="I3" s="650"/>
      <c r="J3" s="650"/>
      <c r="K3" s="650"/>
      <c r="L3" s="650"/>
      <c r="M3" s="651" t="s">
        <v>203</v>
      </c>
      <c r="N3" s="651"/>
      <c r="O3" s="651"/>
      <c r="P3" s="651"/>
      <c r="Q3" s="651"/>
      <c r="R3" s="651"/>
      <c r="S3" s="651"/>
      <c r="T3" s="651"/>
      <c r="U3" s="651"/>
      <c r="V3" s="651"/>
      <c r="W3" s="651"/>
      <c r="X3" s="651"/>
      <c r="Y3" s="651"/>
      <c r="Z3" s="650" t="s">
        <v>107</v>
      </c>
      <c r="AA3" s="650"/>
      <c r="AB3" s="650"/>
      <c r="AC3" s="650"/>
      <c r="AD3" s="650"/>
      <c r="AE3" s="650"/>
      <c r="AF3" s="650"/>
      <c r="AG3" s="650"/>
      <c r="AH3" s="650"/>
      <c r="AI3" s="651" t="s">
        <v>104</v>
      </c>
      <c r="AJ3" s="651"/>
      <c r="AK3" s="651"/>
      <c r="AL3" s="651"/>
      <c r="AM3" s="651"/>
      <c r="AN3" s="651"/>
      <c r="AO3" s="651"/>
      <c r="AP3" s="651" t="s">
        <v>103</v>
      </c>
      <c r="AQ3" s="651"/>
      <c r="AR3" s="651"/>
      <c r="AS3" s="651"/>
      <c r="AT3" s="651"/>
      <c r="AU3" s="651"/>
      <c r="AV3" s="651"/>
      <c r="AW3" s="651" t="s">
        <v>204</v>
      </c>
      <c r="AX3" s="651"/>
      <c r="AY3" s="651"/>
      <c r="AZ3" s="651"/>
      <c r="BA3" s="651"/>
      <c r="BB3" s="651"/>
      <c r="BC3" s="651"/>
      <c r="BD3" s="650" t="s">
        <v>106</v>
      </c>
      <c r="BE3" s="650"/>
      <c r="BF3" s="650"/>
      <c r="BG3" s="650"/>
      <c r="BH3" s="650"/>
      <c r="BI3" s="650"/>
      <c r="BJ3" s="650"/>
      <c r="BK3" s="650"/>
      <c r="BL3" s="650"/>
      <c r="BM3" s="650"/>
      <c r="BN3" s="650"/>
      <c r="BO3" s="650"/>
      <c r="BP3" s="650"/>
      <c r="BQ3" s="651"/>
      <c r="BR3" s="651"/>
      <c r="BS3" s="651"/>
      <c r="BT3" s="651"/>
      <c r="BU3" s="651"/>
      <c r="BV3" s="651"/>
      <c r="BW3" s="651"/>
      <c r="BX3" s="651"/>
      <c r="BY3" s="651"/>
      <c r="BZ3" s="651"/>
      <c r="CA3" s="651"/>
      <c r="CB3" s="651"/>
      <c r="CC3" s="651"/>
      <c r="CD3" s="651"/>
      <c r="CE3" s="651"/>
      <c r="CF3" s="651"/>
      <c r="CG3" s="651"/>
      <c r="CH3" s="661"/>
      <c r="CI3" s="188"/>
      <c r="CJ3" s="188"/>
      <c r="CK3" s="188"/>
      <c r="CL3" s="188"/>
      <c r="CM3" s="188"/>
      <c r="CN3" s="188"/>
      <c r="CO3" s="188"/>
      <c r="CP3" s="188"/>
      <c r="CQ3" s="188"/>
      <c r="CR3" s="188"/>
      <c r="CS3" s="188"/>
      <c r="CT3" s="188"/>
      <c r="CU3" s="188"/>
      <c r="CV3" s="188"/>
      <c r="CW3" s="188"/>
      <c r="CX3" s="188"/>
      <c r="CY3" s="188"/>
      <c r="CZ3" s="188"/>
      <c r="DA3" s="188"/>
      <c r="DB3" s="53"/>
      <c r="DC3" s="53"/>
    </row>
    <row r="4" spans="1:107" s="2" customFormat="1" ht="16.05" customHeight="1" x14ac:dyDescent="0.15">
      <c r="A4" s="181"/>
      <c r="B4" s="628"/>
      <c r="C4" s="574"/>
      <c r="D4" s="574"/>
      <c r="E4" s="574"/>
      <c r="F4" s="574"/>
      <c r="G4" s="574"/>
      <c r="H4" s="574"/>
      <c r="I4" s="574"/>
      <c r="J4" s="574"/>
      <c r="K4" s="574"/>
      <c r="L4" s="574"/>
      <c r="M4" s="568"/>
      <c r="N4" s="568"/>
      <c r="O4" s="568"/>
      <c r="P4" s="568"/>
      <c r="Q4" s="568"/>
      <c r="R4" s="568"/>
      <c r="S4" s="568"/>
      <c r="T4" s="568"/>
      <c r="U4" s="568"/>
      <c r="V4" s="568"/>
      <c r="W4" s="568"/>
      <c r="X4" s="568"/>
      <c r="Y4" s="568"/>
      <c r="Z4" s="574"/>
      <c r="AA4" s="574"/>
      <c r="AB4" s="574"/>
      <c r="AC4" s="574"/>
      <c r="AD4" s="574"/>
      <c r="AE4" s="574"/>
      <c r="AF4" s="574"/>
      <c r="AG4" s="574"/>
      <c r="AH4" s="574"/>
      <c r="AI4" s="568"/>
      <c r="AJ4" s="568"/>
      <c r="AK4" s="568"/>
      <c r="AL4" s="568"/>
      <c r="AM4" s="568"/>
      <c r="AN4" s="568"/>
      <c r="AO4" s="568"/>
      <c r="AP4" s="568"/>
      <c r="AQ4" s="568"/>
      <c r="AR4" s="568"/>
      <c r="AS4" s="568"/>
      <c r="AT4" s="568"/>
      <c r="AU4" s="568"/>
      <c r="AV4" s="568"/>
      <c r="AW4" s="568"/>
      <c r="AX4" s="568"/>
      <c r="AY4" s="568"/>
      <c r="AZ4" s="568"/>
      <c r="BA4" s="568"/>
      <c r="BB4" s="568"/>
      <c r="BC4" s="568"/>
      <c r="BD4" s="574"/>
      <c r="BE4" s="574"/>
      <c r="BF4" s="574"/>
      <c r="BG4" s="574"/>
      <c r="BH4" s="574"/>
      <c r="BI4" s="574"/>
      <c r="BJ4" s="574"/>
      <c r="BK4" s="574"/>
      <c r="BL4" s="574"/>
      <c r="BM4" s="574"/>
      <c r="BN4" s="574"/>
      <c r="BO4" s="574"/>
      <c r="BP4" s="574"/>
      <c r="BQ4" s="568"/>
      <c r="BR4" s="568"/>
      <c r="BS4" s="568"/>
      <c r="BT4" s="568"/>
      <c r="BU4" s="568"/>
      <c r="BV4" s="568"/>
      <c r="BW4" s="568"/>
      <c r="BX4" s="568"/>
      <c r="BY4" s="568"/>
      <c r="BZ4" s="568"/>
      <c r="CA4" s="568"/>
      <c r="CB4" s="568"/>
      <c r="CC4" s="568"/>
      <c r="CD4" s="568"/>
      <c r="CE4" s="568"/>
      <c r="CF4" s="568"/>
      <c r="CG4" s="568"/>
      <c r="CH4" s="662"/>
      <c r="CI4" s="193"/>
      <c r="CJ4" s="193"/>
      <c r="CK4" s="193"/>
      <c r="CL4" s="193"/>
      <c r="CM4" s="193"/>
      <c r="CN4" s="193"/>
      <c r="CO4" s="193"/>
      <c r="CP4" s="193"/>
      <c r="CQ4" s="193"/>
      <c r="CR4" s="193"/>
      <c r="CS4" s="193"/>
      <c r="CT4" s="193"/>
      <c r="CU4" s="193"/>
      <c r="CV4" s="193"/>
      <c r="CW4" s="193"/>
      <c r="CX4" s="193"/>
      <c r="CY4" s="193"/>
      <c r="CZ4" s="193"/>
      <c r="DA4" s="193"/>
      <c r="DB4" s="145"/>
      <c r="DC4" s="145"/>
    </row>
    <row r="5" spans="1:107" s="2" customFormat="1" ht="16.05" customHeight="1" x14ac:dyDescent="0.15">
      <c r="A5" s="181"/>
      <c r="B5" s="628"/>
      <c r="C5" s="574"/>
      <c r="D5" s="574"/>
      <c r="E5" s="574"/>
      <c r="F5" s="574"/>
      <c r="G5" s="574"/>
      <c r="H5" s="574"/>
      <c r="I5" s="574"/>
      <c r="J5" s="574"/>
      <c r="K5" s="574"/>
      <c r="L5" s="574"/>
      <c r="M5" s="568"/>
      <c r="N5" s="568"/>
      <c r="O5" s="568"/>
      <c r="P5" s="568"/>
      <c r="Q5" s="568"/>
      <c r="R5" s="568"/>
      <c r="S5" s="568"/>
      <c r="T5" s="568"/>
      <c r="U5" s="568"/>
      <c r="V5" s="568"/>
      <c r="W5" s="568"/>
      <c r="X5" s="568"/>
      <c r="Y5" s="568"/>
      <c r="Z5" s="574"/>
      <c r="AA5" s="574"/>
      <c r="AB5" s="574"/>
      <c r="AC5" s="574"/>
      <c r="AD5" s="574"/>
      <c r="AE5" s="574"/>
      <c r="AF5" s="574"/>
      <c r="AG5" s="574"/>
      <c r="AH5" s="574"/>
      <c r="AI5" s="568"/>
      <c r="AJ5" s="568"/>
      <c r="AK5" s="568"/>
      <c r="AL5" s="568"/>
      <c r="AM5" s="568"/>
      <c r="AN5" s="568"/>
      <c r="AO5" s="568"/>
      <c r="AP5" s="568"/>
      <c r="AQ5" s="568"/>
      <c r="AR5" s="568"/>
      <c r="AS5" s="568"/>
      <c r="AT5" s="568"/>
      <c r="AU5" s="568"/>
      <c r="AV5" s="568"/>
      <c r="AW5" s="568"/>
      <c r="AX5" s="568"/>
      <c r="AY5" s="568"/>
      <c r="AZ5" s="568"/>
      <c r="BA5" s="568"/>
      <c r="BB5" s="568"/>
      <c r="BC5" s="568"/>
      <c r="BD5" s="574"/>
      <c r="BE5" s="574"/>
      <c r="BF5" s="574"/>
      <c r="BG5" s="574"/>
      <c r="BH5" s="574"/>
      <c r="BI5" s="574"/>
      <c r="BJ5" s="574"/>
      <c r="BK5" s="574"/>
      <c r="BL5" s="574"/>
      <c r="BM5" s="574"/>
      <c r="BN5" s="574"/>
      <c r="BO5" s="574"/>
      <c r="BP5" s="574"/>
      <c r="BQ5" s="568"/>
      <c r="BR5" s="568"/>
      <c r="BS5" s="568"/>
      <c r="BT5" s="568"/>
      <c r="BU5" s="568"/>
      <c r="BV5" s="568"/>
      <c r="BW5" s="568"/>
      <c r="BX5" s="568"/>
      <c r="BY5" s="568"/>
      <c r="BZ5" s="568"/>
      <c r="CA5" s="568"/>
      <c r="CB5" s="568"/>
      <c r="CC5" s="568"/>
      <c r="CD5" s="568"/>
      <c r="CE5" s="568"/>
      <c r="CF5" s="568"/>
      <c r="CG5" s="568"/>
      <c r="CH5" s="662"/>
      <c r="CI5" s="193"/>
      <c r="CJ5" s="193"/>
      <c r="CK5" s="193"/>
      <c r="CL5" s="193"/>
      <c r="CM5" s="193"/>
      <c r="CN5" s="193"/>
      <c r="CO5" s="193"/>
      <c r="CP5" s="193"/>
      <c r="CQ5" s="193"/>
      <c r="CR5" s="193"/>
      <c r="CS5" s="193"/>
      <c r="CT5" s="193"/>
      <c r="CU5" s="193"/>
      <c r="CV5" s="193"/>
      <c r="CW5" s="193"/>
      <c r="CX5" s="193"/>
      <c r="CY5" s="193"/>
      <c r="CZ5" s="193"/>
      <c r="DA5" s="193"/>
      <c r="DB5" s="53"/>
      <c r="DC5" s="53"/>
    </row>
    <row r="6" spans="1:107" s="2" customFormat="1" ht="9.75" customHeight="1" x14ac:dyDescent="0.15">
      <c r="A6" s="181"/>
      <c r="B6" s="628" t="s">
        <v>90</v>
      </c>
      <c r="C6" s="574"/>
      <c r="D6" s="574"/>
      <c r="E6" s="574"/>
      <c r="F6" s="574"/>
      <c r="G6" s="574"/>
      <c r="H6" s="574"/>
      <c r="I6" s="574"/>
      <c r="J6" s="574"/>
      <c r="K6" s="574"/>
      <c r="L6" s="574"/>
      <c r="M6" s="568"/>
      <c r="N6" s="568"/>
      <c r="O6" s="568"/>
      <c r="P6" s="568"/>
      <c r="Q6" s="568"/>
      <c r="R6" s="568"/>
      <c r="S6" s="568"/>
      <c r="T6" s="568"/>
      <c r="U6" s="568"/>
      <c r="V6" s="568"/>
      <c r="W6" s="568"/>
      <c r="X6" s="568"/>
      <c r="Y6" s="568"/>
      <c r="Z6" s="568"/>
      <c r="AA6" s="568"/>
      <c r="AB6" s="568"/>
      <c r="AC6" s="568"/>
      <c r="AD6" s="568"/>
      <c r="AE6" s="568"/>
      <c r="AF6" s="568"/>
      <c r="AG6" s="568"/>
      <c r="AH6" s="568"/>
      <c r="AI6" s="568"/>
      <c r="AJ6" s="568"/>
      <c r="AK6" s="568"/>
      <c r="AL6" s="574" t="s">
        <v>12</v>
      </c>
      <c r="AM6" s="574"/>
      <c r="AN6" s="574"/>
      <c r="AO6" s="574"/>
      <c r="AP6" s="574"/>
      <c r="AQ6" s="574"/>
      <c r="AR6" s="574"/>
      <c r="AS6" s="568" t="s">
        <v>221</v>
      </c>
      <c r="AT6" s="568"/>
      <c r="AU6" s="568"/>
      <c r="AV6" s="568"/>
      <c r="AW6" s="568"/>
      <c r="AX6" s="568"/>
      <c r="AY6" s="568"/>
      <c r="AZ6" s="568"/>
      <c r="BA6" s="568"/>
      <c r="BB6" s="568"/>
      <c r="BC6" s="568"/>
      <c r="BD6" s="568"/>
      <c r="BE6" s="568"/>
      <c r="BF6" s="568"/>
      <c r="BG6" s="568"/>
      <c r="BH6" s="568"/>
      <c r="BI6" s="568"/>
      <c r="BJ6" s="568"/>
      <c r="BK6" s="574" t="s">
        <v>14</v>
      </c>
      <c r="BL6" s="574"/>
      <c r="BM6" s="574"/>
      <c r="BN6" s="574"/>
      <c r="BO6" s="635" t="s">
        <v>216</v>
      </c>
      <c r="BP6" s="636"/>
      <c r="BQ6" s="636"/>
      <c r="BR6" s="636"/>
      <c r="BS6" s="636"/>
      <c r="BT6" s="254"/>
      <c r="BU6" s="243"/>
      <c r="BV6" s="243"/>
      <c r="BW6" s="243"/>
      <c r="BX6" s="243"/>
      <c r="BY6" s="243"/>
      <c r="BZ6" s="243"/>
      <c r="CA6" s="243"/>
      <c r="CB6" s="243"/>
      <c r="CC6" s="243"/>
      <c r="CD6" s="244"/>
      <c r="CE6" s="244"/>
      <c r="CF6" s="244"/>
      <c r="CG6" s="244"/>
      <c r="CH6" s="245"/>
      <c r="CI6" s="193"/>
      <c r="CJ6" s="193"/>
      <c r="CK6" s="193"/>
      <c r="CL6" s="193"/>
      <c r="CM6" s="193"/>
      <c r="CN6" s="193"/>
      <c r="CO6" s="193"/>
      <c r="CP6" s="193"/>
      <c r="CQ6" s="193"/>
      <c r="CR6" s="193"/>
      <c r="CS6" s="193"/>
      <c r="CT6" s="193"/>
      <c r="CU6" s="193"/>
      <c r="CV6" s="193"/>
      <c r="CW6" s="193"/>
      <c r="CX6" s="193"/>
      <c r="CY6" s="193"/>
      <c r="CZ6" s="193"/>
      <c r="DA6" s="53"/>
      <c r="DB6" s="53"/>
    </row>
    <row r="7" spans="1:107" s="2" customFormat="1" ht="9.75" customHeight="1" x14ac:dyDescent="0.15">
      <c r="A7" s="181"/>
      <c r="B7" s="628"/>
      <c r="C7" s="574"/>
      <c r="D7" s="574"/>
      <c r="E7" s="574"/>
      <c r="F7" s="574"/>
      <c r="G7" s="574"/>
      <c r="H7" s="574"/>
      <c r="I7" s="574"/>
      <c r="J7" s="574"/>
      <c r="K7" s="574"/>
      <c r="L7" s="574"/>
      <c r="M7" s="568"/>
      <c r="N7" s="568"/>
      <c r="O7" s="568"/>
      <c r="P7" s="568"/>
      <c r="Q7" s="568"/>
      <c r="R7" s="568"/>
      <c r="S7" s="568"/>
      <c r="T7" s="568"/>
      <c r="U7" s="568"/>
      <c r="V7" s="568"/>
      <c r="W7" s="568"/>
      <c r="X7" s="568"/>
      <c r="Y7" s="568"/>
      <c r="Z7" s="568"/>
      <c r="AA7" s="568"/>
      <c r="AB7" s="568"/>
      <c r="AC7" s="568"/>
      <c r="AD7" s="568"/>
      <c r="AE7" s="568"/>
      <c r="AF7" s="568"/>
      <c r="AG7" s="568"/>
      <c r="AH7" s="568"/>
      <c r="AI7" s="568"/>
      <c r="AJ7" s="568"/>
      <c r="AK7" s="568"/>
      <c r="AL7" s="574"/>
      <c r="AM7" s="574"/>
      <c r="AN7" s="574"/>
      <c r="AO7" s="574"/>
      <c r="AP7" s="574"/>
      <c r="AQ7" s="574"/>
      <c r="AR7" s="574"/>
      <c r="AS7" s="568"/>
      <c r="AT7" s="568"/>
      <c r="AU7" s="568"/>
      <c r="AV7" s="568"/>
      <c r="AW7" s="568"/>
      <c r="AX7" s="568"/>
      <c r="AY7" s="568"/>
      <c r="AZ7" s="568"/>
      <c r="BA7" s="568"/>
      <c r="BB7" s="568"/>
      <c r="BC7" s="568"/>
      <c r="BD7" s="568"/>
      <c r="BE7" s="568"/>
      <c r="BF7" s="568"/>
      <c r="BG7" s="568"/>
      <c r="BH7" s="568"/>
      <c r="BI7" s="568"/>
      <c r="BJ7" s="568"/>
      <c r="BK7" s="574"/>
      <c r="BL7" s="574"/>
      <c r="BM7" s="574"/>
      <c r="BN7" s="574"/>
      <c r="BO7" s="637"/>
      <c r="BP7" s="638"/>
      <c r="BQ7" s="638"/>
      <c r="BR7" s="638"/>
      <c r="BS7" s="638"/>
      <c r="BT7" s="255"/>
      <c r="BU7" s="243"/>
      <c r="BV7" s="243"/>
      <c r="BW7" s="243"/>
      <c r="BX7" s="243"/>
      <c r="BY7" s="243"/>
      <c r="BZ7" s="243"/>
      <c r="CA7" s="243"/>
      <c r="CB7" s="243"/>
      <c r="CC7" s="243"/>
      <c r="CD7" s="243"/>
      <c r="CE7" s="243"/>
      <c r="CF7" s="243"/>
      <c r="CG7" s="243"/>
      <c r="CH7" s="245"/>
      <c r="CI7" s="193"/>
      <c r="CJ7" s="193"/>
      <c r="CK7" s="193"/>
      <c r="CL7" s="193"/>
      <c r="CM7" s="193"/>
      <c r="CN7" s="193"/>
      <c r="CO7" s="193"/>
      <c r="CP7" s="193"/>
      <c r="CQ7" s="193"/>
      <c r="CR7" s="193"/>
      <c r="CS7" s="193"/>
      <c r="CT7" s="193"/>
      <c r="CU7" s="193"/>
      <c r="CV7" s="193"/>
      <c r="CW7" s="193"/>
      <c r="CX7" s="193"/>
      <c r="CY7" s="193"/>
      <c r="CZ7" s="193"/>
      <c r="DA7" s="53"/>
      <c r="DB7" s="53"/>
    </row>
    <row r="8" spans="1:107" s="2" customFormat="1" ht="16.05" customHeight="1" x14ac:dyDescent="0.15">
      <c r="A8" s="181"/>
      <c r="B8" s="628" t="s">
        <v>73</v>
      </c>
      <c r="C8" s="574"/>
      <c r="D8" s="574"/>
      <c r="E8" s="574"/>
      <c r="F8" s="574"/>
      <c r="G8" s="574"/>
      <c r="H8" s="574"/>
      <c r="I8" s="574"/>
      <c r="J8" s="574"/>
      <c r="K8" s="574"/>
      <c r="L8" s="574"/>
      <c r="M8" s="568"/>
      <c r="N8" s="568"/>
      <c r="O8" s="568"/>
      <c r="P8" s="568"/>
      <c r="Q8" s="568"/>
      <c r="R8" s="568"/>
      <c r="S8" s="568"/>
      <c r="T8" s="568"/>
      <c r="U8" s="568"/>
      <c r="V8" s="568"/>
      <c r="W8" s="568"/>
      <c r="X8" s="568"/>
      <c r="Y8" s="568"/>
      <c r="Z8" s="568"/>
      <c r="AA8" s="568"/>
      <c r="AB8" s="568"/>
      <c r="AC8" s="568"/>
      <c r="AD8" s="568"/>
      <c r="AE8" s="568"/>
      <c r="AF8" s="568"/>
      <c r="AG8" s="568"/>
      <c r="AH8" s="568"/>
      <c r="AI8" s="568"/>
      <c r="AJ8" s="568"/>
      <c r="AK8" s="568"/>
      <c r="AL8" s="574"/>
      <c r="AM8" s="574"/>
      <c r="AN8" s="574"/>
      <c r="AO8" s="574"/>
      <c r="AP8" s="574"/>
      <c r="AQ8" s="574"/>
      <c r="AR8" s="574"/>
      <c r="AS8" s="568"/>
      <c r="AT8" s="568"/>
      <c r="AU8" s="568"/>
      <c r="AV8" s="568"/>
      <c r="AW8" s="568"/>
      <c r="AX8" s="568"/>
      <c r="AY8" s="568"/>
      <c r="AZ8" s="568"/>
      <c r="BA8" s="568"/>
      <c r="BB8" s="568"/>
      <c r="BC8" s="568"/>
      <c r="BD8" s="568"/>
      <c r="BE8" s="568"/>
      <c r="BF8" s="568"/>
      <c r="BG8" s="568"/>
      <c r="BH8" s="568"/>
      <c r="BI8" s="568"/>
      <c r="BJ8" s="568"/>
      <c r="BK8" s="574"/>
      <c r="BL8" s="574"/>
      <c r="BM8" s="574"/>
      <c r="BN8" s="574"/>
      <c r="BO8" s="637"/>
      <c r="BP8" s="638"/>
      <c r="BQ8" s="638"/>
      <c r="BR8" s="638"/>
      <c r="BS8" s="638"/>
      <c r="BT8" s="255"/>
      <c r="BU8" s="243"/>
      <c r="BV8" s="243"/>
      <c r="BW8" s="243"/>
      <c r="BX8" s="243"/>
      <c r="BY8" s="243"/>
      <c r="BZ8" s="243"/>
      <c r="CA8" s="243"/>
      <c r="CB8" s="243"/>
      <c r="CC8" s="243"/>
      <c r="CD8" s="246"/>
      <c r="CE8" s="246"/>
      <c r="CF8" s="246"/>
      <c r="CG8" s="246"/>
      <c r="CH8" s="247"/>
      <c r="CI8" s="196"/>
      <c r="CJ8" s="196"/>
      <c r="CK8" s="196"/>
      <c r="CL8" s="196"/>
      <c r="CM8" s="196"/>
      <c r="CN8" s="196"/>
      <c r="CO8" s="196"/>
      <c r="CP8" s="196"/>
      <c r="CQ8" s="196"/>
      <c r="CR8" s="196"/>
      <c r="CS8" s="196"/>
      <c r="CT8" s="196"/>
      <c r="CU8" s="196"/>
      <c r="CV8" s="196"/>
      <c r="CW8" s="196"/>
      <c r="CX8" s="196"/>
      <c r="CY8" s="196"/>
      <c r="CZ8" s="196"/>
      <c r="DA8" s="53"/>
      <c r="DB8" s="53"/>
    </row>
    <row r="9" spans="1:107" s="2" customFormat="1" ht="16.05" customHeight="1" x14ac:dyDescent="0.15">
      <c r="A9" s="181"/>
      <c r="B9" s="628"/>
      <c r="C9" s="574"/>
      <c r="D9" s="574"/>
      <c r="E9" s="574"/>
      <c r="F9" s="574"/>
      <c r="G9" s="574"/>
      <c r="H9" s="574"/>
      <c r="I9" s="574"/>
      <c r="J9" s="574"/>
      <c r="K9" s="574"/>
      <c r="L9" s="574"/>
      <c r="M9" s="568"/>
      <c r="N9" s="568"/>
      <c r="O9" s="568"/>
      <c r="P9" s="568"/>
      <c r="Q9" s="568"/>
      <c r="R9" s="568"/>
      <c r="S9" s="568"/>
      <c r="T9" s="568"/>
      <c r="U9" s="568"/>
      <c r="V9" s="568"/>
      <c r="W9" s="568"/>
      <c r="X9" s="568"/>
      <c r="Y9" s="568"/>
      <c r="Z9" s="568"/>
      <c r="AA9" s="568"/>
      <c r="AB9" s="568"/>
      <c r="AC9" s="568"/>
      <c r="AD9" s="568"/>
      <c r="AE9" s="568"/>
      <c r="AF9" s="568"/>
      <c r="AG9" s="568"/>
      <c r="AH9" s="568"/>
      <c r="AI9" s="568"/>
      <c r="AJ9" s="568"/>
      <c r="AK9" s="568"/>
      <c r="AL9" s="574"/>
      <c r="AM9" s="574"/>
      <c r="AN9" s="574"/>
      <c r="AO9" s="574"/>
      <c r="AP9" s="574"/>
      <c r="AQ9" s="574"/>
      <c r="AR9" s="574"/>
      <c r="AS9" s="568"/>
      <c r="AT9" s="568"/>
      <c r="AU9" s="568"/>
      <c r="AV9" s="568"/>
      <c r="AW9" s="568"/>
      <c r="AX9" s="568"/>
      <c r="AY9" s="568"/>
      <c r="AZ9" s="568"/>
      <c r="BA9" s="568"/>
      <c r="BB9" s="568"/>
      <c r="BC9" s="568"/>
      <c r="BD9" s="568"/>
      <c r="BE9" s="568"/>
      <c r="BF9" s="568"/>
      <c r="BG9" s="568"/>
      <c r="BH9" s="568"/>
      <c r="BI9" s="568"/>
      <c r="BJ9" s="568"/>
      <c r="BK9" s="574"/>
      <c r="BL9" s="574"/>
      <c r="BM9" s="574"/>
      <c r="BN9" s="574"/>
      <c r="BO9" s="637"/>
      <c r="BP9" s="638"/>
      <c r="BQ9" s="638"/>
      <c r="BR9" s="638"/>
      <c r="BS9" s="638"/>
      <c r="BT9" s="255"/>
      <c r="BU9" s="243"/>
      <c r="BV9" s="243"/>
      <c r="BW9" s="243"/>
      <c r="BX9" s="243"/>
      <c r="BY9" s="243"/>
      <c r="BZ9" s="243"/>
      <c r="CA9" s="243"/>
      <c r="CB9" s="243"/>
      <c r="CC9" s="243"/>
      <c r="CD9" s="244"/>
      <c r="CE9" s="248"/>
      <c r="CF9" s="248"/>
      <c r="CG9" s="248"/>
      <c r="CH9" s="249"/>
      <c r="CI9" s="197"/>
      <c r="CJ9" s="197"/>
      <c r="CK9" s="197"/>
      <c r="CL9" s="197"/>
      <c r="CM9" s="197"/>
      <c r="CN9" s="197"/>
      <c r="CO9" s="197"/>
      <c r="CP9" s="197"/>
      <c r="CQ9" s="197"/>
      <c r="CR9" s="197"/>
      <c r="CS9" s="197"/>
      <c r="CT9" s="197"/>
      <c r="CU9" s="197"/>
      <c r="CV9" s="197"/>
      <c r="CW9" s="197"/>
      <c r="CX9" s="197"/>
      <c r="CY9" s="197"/>
      <c r="CZ9" s="197"/>
      <c r="DA9" s="53"/>
      <c r="DB9" s="53"/>
    </row>
    <row r="10" spans="1:107" s="2" customFormat="1" ht="16.05" customHeight="1" x14ac:dyDescent="0.15">
      <c r="A10" s="181"/>
      <c r="B10" s="628"/>
      <c r="C10" s="574"/>
      <c r="D10" s="574"/>
      <c r="E10" s="574"/>
      <c r="F10" s="574"/>
      <c r="G10" s="574"/>
      <c r="H10" s="574"/>
      <c r="I10" s="574"/>
      <c r="J10" s="574"/>
      <c r="K10" s="574"/>
      <c r="L10" s="574"/>
      <c r="M10" s="568"/>
      <c r="N10" s="568"/>
      <c r="O10" s="568"/>
      <c r="P10" s="568"/>
      <c r="Q10" s="568"/>
      <c r="R10" s="568"/>
      <c r="S10" s="568"/>
      <c r="T10" s="568"/>
      <c r="U10" s="568"/>
      <c r="V10" s="568"/>
      <c r="W10" s="568"/>
      <c r="X10" s="568"/>
      <c r="Y10" s="568"/>
      <c r="Z10" s="568"/>
      <c r="AA10" s="568"/>
      <c r="AB10" s="568"/>
      <c r="AC10" s="568"/>
      <c r="AD10" s="568"/>
      <c r="AE10" s="568"/>
      <c r="AF10" s="568"/>
      <c r="AG10" s="568"/>
      <c r="AH10" s="568"/>
      <c r="AI10" s="568"/>
      <c r="AJ10" s="568"/>
      <c r="AK10" s="568"/>
      <c r="AL10" s="574"/>
      <c r="AM10" s="574"/>
      <c r="AN10" s="574"/>
      <c r="AO10" s="574"/>
      <c r="AP10" s="574"/>
      <c r="AQ10" s="574"/>
      <c r="AR10" s="574"/>
      <c r="AS10" s="568"/>
      <c r="AT10" s="568"/>
      <c r="AU10" s="568"/>
      <c r="AV10" s="568"/>
      <c r="AW10" s="568"/>
      <c r="AX10" s="568"/>
      <c r="AY10" s="568"/>
      <c r="AZ10" s="568"/>
      <c r="BA10" s="568"/>
      <c r="BB10" s="568"/>
      <c r="BC10" s="568"/>
      <c r="BD10" s="568"/>
      <c r="BE10" s="568"/>
      <c r="BF10" s="568"/>
      <c r="BG10" s="568"/>
      <c r="BH10" s="568"/>
      <c r="BI10" s="568"/>
      <c r="BJ10" s="568"/>
      <c r="BK10" s="574"/>
      <c r="BL10" s="574"/>
      <c r="BM10" s="574"/>
      <c r="BN10" s="574"/>
      <c r="BO10" s="639"/>
      <c r="BP10" s="640"/>
      <c r="BQ10" s="640"/>
      <c r="BR10" s="640"/>
      <c r="BS10" s="640"/>
      <c r="BT10" s="256"/>
      <c r="BU10" s="243"/>
      <c r="BV10" s="243"/>
      <c r="BW10" s="243"/>
      <c r="BX10" s="243"/>
      <c r="BY10" s="243"/>
      <c r="BZ10" s="243"/>
      <c r="CA10" s="243"/>
      <c r="CB10" s="243"/>
      <c r="CC10" s="243"/>
      <c r="CD10" s="244"/>
      <c r="CE10" s="246"/>
      <c r="CF10" s="246"/>
      <c r="CG10" s="246"/>
      <c r="CH10" s="247"/>
      <c r="CI10" s="199"/>
      <c r="CJ10" s="199"/>
      <c r="CK10" s="199"/>
      <c r="CL10" s="199"/>
      <c r="CM10" s="199"/>
      <c r="CN10" s="199"/>
      <c r="CO10" s="199"/>
      <c r="CP10" s="199"/>
      <c r="CQ10" s="199"/>
      <c r="CR10" s="199"/>
      <c r="CS10" s="199"/>
      <c r="CT10" s="199"/>
      <c r="CU10" s="199"/>
      <c r="CV10" s="198"/>
      <c r="CW10" s="198"/>
      <c r="CX10" s="198"/>
      <c r="CY10" s="198"/>
      <c r="CZ10" s="198"/>
      <c r="DA10" s="53"/>
    </row>
    <row r="11" spans="1:107" s="2" customFormat="1" ht="35.25" customHeight="1" x14ac:dyDescent="0.15">
      <c r="A11" s="181"/>
      <c r="B11" s="240"/>
      <c r="C11" s="241"/>
      <c r="D11" s="241"/>
      <c r="E11" s="241"/>
      <c r="F11" s="241"/>
      <c r="G11" s="241"/>
      <c r="H11" s="241"/>
      <c r="I11" s="241"/>
      <c r="J11" s="241"/>
      <c r="K11" s="241"/>
      <c r="L11" s="241"/>
      <c r="M11" s="241"/>
      <c r="N11" s="241"/>
      <c r="O11" s="241"/>
      <c r="P11" s="241"/>
      <c r="Q11" s="241"/>
      <c r="R11" s="241"/>
      <c r="S11" s="241"/>
      <c r="T11" s="241"/>
      <c r="U11" s="241"/>
      <c r="V11" s="241"/>
      <c r="W11" s="241"/>
      <c r="X11" s="241"/>
      <c r="Y11" s="241"/>
      <c r="Z11" s="241"/>
      <c r="AA11" s="241"/>
      <c r="AB11" s="241"/>
      <c r="AC11" s="571" t="s">
        <v>219</v>
      </c>
      <c r="AD11" s="572"/>
      <c r="AE11" s="572"/>
      <c r="AF11" s="572"/>
      <c r="AG11" s="572"/>
      <c r="AH11" s="572"/>
      <c r="AI11" s="572"/>
      <c r="AJ11" s="572"/>
      <c r="AK11" s="572"/>
      <c r="AL11" s="572"/>
      <c r="AM11" s="572"/>
      <c r="AN11" s="572"/>
      <c r="AO11" s="572"/>
      <c r="AP11" s="572"/>
      <c r="AQ11" s="572"/>
      <c r="AR11" s="572"/>
      <c r="AS11" s="572"/>
      <c r="AT11" s="572"/>
      <c r="AU11" s="572"/>
      <c r="AV11" s="572"/>
      <c r="AW11" s="572"/>
      <c r="AX11" s="572"/>
      <c r="AY11" s="572"/>
      <c r="AZ11" s="572"/>
      <c r="BA11" s="572"/>
      <c r="BB11" s="572"/>
      <c r="BC11" s="572"/>
      <c r="BD11" s="572"/>
      <c r="BE11" s="572"/>
      <c r="BF11" s="572"/>
      <c r="BG11" s="573"/>
      <c r="BH11" s="241"/>
      <c r="BI11" s="241"/>
      <c r="BJ11" s="241"/>
      <c r="BK11" s="241"/>
      <c r="BL11" s="241"/>
      <c r="BM11" s="241"/>
      <c r="BN11" s="241"/>
      <c r="BO11" s="241"/>
      <c r="BP11" s="241"/>
      <c r="BQ11" s="241"/>
      <c r="BR11" s="241"/>
      <c r="BS11" s="241"/>
      <c r="BT11" s="241"/>
      <c r="BU11" s="241"/>
      <c r="BV11" s="241"/>
      <c r="BW11" s="241"/>
      <c r="BX11" s="241"/>
      <c r="BY11" s="241"/>
      <c r="BZ11" s="241"/>
      <c r="CA11" s="241"/>
      <c r="CB11" s="241"/>
      <c r="CC11" s="241"/>
      <c r="CD11" s="241"/>
      <c r="CE11" s="241"/>
      <c r="CF11" s="241"/>
      <c r="CG11" s="241"/>
      <c r="CH11" s="242"/>
      <c r="CI11" s="199"/>
      <c r="CJ11" s="199"/>
      <c r="CK11" s="199"/>
      <c r="CL11" s="199"/>
      <c r="CM11" s="199"/>
      <c r="CN11" s="199"/>
      <c r="CO11" s="199"/>
      <c r="CP11" s="199"/>
      <c r="CQ11" s="199"/>
      <c r="CR11" s="199"/>
      <c r="CS11" s="199"/>
      <c r="CT11" s="199"/>
      <c r="CU11" s="199"/>
      <c r="CV11" s="199"/>
      <c r="CW11" s="199"/>
      <c r="CX11" s="199"/>
      <c r="CY11" s="199"/>
      <c r="CZ11" s="199"/>
      <c r="DA11" s="199"/>
      <c r="DB11" s="53"/>
    </row>
    <row r="12" spans="1:107" s="53" customFormat="1" ht="33.75" customHeight="1" x14ac:dyDescent="0.15">
      <c r="A12" s="182"/>
      <c r="B12" s="630" t="s">
        <v>11</v>
      </c>
      <c r="C12" s="579"/>
      <c r="D12" s="579"/>
      <c r="E12" s="579"/>
      <c r="F12" s="579"/>
      <c r="G12" s="579"/>
      <c r="H12" s="579"/>
      <c r="I12" s="579"/>
      <c r="J12" s="579"/>
      <c r="K12" s="579"/>
      <c r="L12" s="579"/>
      <c r="M12" s="629" t="s">
        <v>74</v>
      </c>
      <c r="N12" s="629"/>
      <c r="O12" s="629"/>
      <c r="P12" s="629"/>
      <c r="Q12" s="629"/>
      <c r="R12" s="629"/>
      <c r="S12" s="629"/>
      <c r="T12" s="629"/>
      <c r="U12" s="629"/>
      <c r="V12" s="629"/>
      <c r="W12" s="629"/>
      <c r="X12" s="629"/>
      <c r="Y12" s="629"/>
      <c r="Z12" s="629"/>
      <c r="AA12" s="629"/>
      <c r="AB12" s="629" t="s">
        <v>75</v>
      </c>
      <c r="AC12" s="629"/>
      <c r="AD12" s="629"/>
      <c r="AE12" s="629"/>
      <c r="AF12" s="629"/>
      <c r="AG12" s="629"/>
      <c r="AH12" s="629"/>
      <c r="AI12" s="629"/>
      <c r="AJ12" s="629"/>
      <c r="AK12" s="629"/>
      <c r="AL12" s="629"/>
      <c r="AM12" s="629"/>
      <c r="AN12" s="629"/>
      <c r="AO12" s="629"/>
      <c r="AP12" s="629"/>
      <c r="AQ12" s="579" t="s">
        <v>215</v>
      </c>
      <c r="AR12" s="579"/>
      <c r="AS12" s="579"/>
      <c r="AT12" s="579"/>
      <c r="AU12" s="579"/>
      <c r="AV12" s="579"/>
      <c r="AW12" s="579" t="s">
        <v>210</v>
      </c>
      <c r="AX12" s="579"/>
      <c r="AY12" s="579"/>
      <c r="AZ12" s="579"/>
      <c r="BA12" s="579"/>
      <c r="BB12" s="579"/>
      <c r="BC12" s="579"/>
      <c r="BD12" s="579"/>
      <c r="BE12" s="579"/>
      <c r="BF12" s="579"/>
      <c r="BG12" s="579" t="s">
        <v>105</v>
      </c>
      <c r="BH12" s="579"/>
      <c r="BI12" s="579"/>
      <c r="BJ12" s="579"/>
      <c r="BK12" s="579"/>
      <c r="BL12" s="579"/>
      <c r="BM12" s="579"/>
      <c r="BN12" s="579"/>
      <c r="BO12" s="579"/>
      <c r="BP12" s="579"/>
      <c r="BQ12" s="579"/>
      <c r="BR12" s="579"/>
      <c r="BS12" s="579"/>
      <c r="BT12" s="579"/>
      <c r="BU12" s="579"/>
      <c r="BV12" s="579"/>
      <c r="BW12" s="579"/>
      <c r="BX12" s="579"/>
      <c r="BY12" s="579"/>
      <c r="BZ12" s="579"/>
      <c r="CA12" s="579"/>
      <c r="CB12" s="579"/>
      <c r="CC12" s="579"/>
      <c r="CD12" s="579"/>
      <c r="CE12" s="579"/>
      <c r="CF12" s="579"/>
      <c r="CG12" s="579"/>
      <c r="CH12" s="580"/>
      <c r="CI12" s="200"/>
      <c r="CJ12" s="200"/>
      <c r="CK12" s="200"/>
      <c r="CL12" s="200"/>
      <c r="CM12" s="200"/>
      <c r="CN12" s="200"/>
      <c r="CO12" s="200"/>
      <c r="CP12" s="200"/>
      <c r="CQ12" s="200"/>
      <c r="CR12" s="200"/>
      <c r="CS12" s="200"/>
      <c r="CT12" s="200"/>
      <c r="CU12" s="200"/>
      <c r="CV12" s="200"/>
      <c r="CW12" s="200"/>
      <c r="CX12" s="200"/>
      <c r="CY12" s="200"/>
      <c r="CZ12" s="200"/>
      <c r="DA12" s="200"/>
    </row>
    <row r="13" spans="1:107" s="2" customFormat="1" ht="21.75" customHeight="1" x14ac:dyDescent="0.15">
      <c r="A13" s="181"/>
      <c r="B13" s="631"/>
      <c r="C13" s="581"/>
      <c r="D13" s="581"/>
      <c r="E13" s="581"/>
      <c r="F13" s="581"/>
      <c r="G13" s="581"/>
      <c r="H13" s="581"/>
      <c r="I13" s="581"/>
      <c r="J13" s="581"/>
      <c r="K13" s="581"/>
      <c r="L13" s="581"/>
      <c r="M13" s="581"/>
      <c r="N13" s="581"/>
      <c r="O13" s="581"/>
      <c r="P13" s="581"/>
      <c r="Q13" s="581"/>
      <c r="R13" s="581"/>
      <c r="S13" s="581"/>
      <c r="T13" s="581"/>
      <c r="U13" s="581"/>
      <c r="V13" s="581"/>
      <c r="W13" s="581"/>
      <c r="X13" s="581"/>
      <c r="Y13" s="581"/>
      <c r="Z13" s="581"/>
      <c r="AA13" s="581"/>
      <c r="AB13" s="581"/>
      <c r="AC13" s="581"/>
      <c r="AD13" s="581"/>
      <c r="AE13" s="581"/>
      <c r="AF13" s="581"/>
      <c r="AG13" s="581"/>
      <c r="AH13" s="581"/>
      <c r="AI13" s="581"/>
      <c r="AJ13" s="581"/>
      <c r="AK13" s="581"/>
      <c r="AL13" s="581"/>
      <c r="AM13" s="581"/>
      <c r="AN13" s="581"/>
      <c r="AO13" s="581"/>
      <c r="AP13" s="581"/>
      <c r="AQ13" s="610" t="s">
        <v>212</v>
      </c>
      <c r="AR13" s="610"/>
      <c r="AS13" s="610"/>
      <c r="AT13" s="610"/>
      <c r="AU13" s="610"/>
      <c r="AV13" s="610"/>
      <c r="AW13" s="568"/>
      <c r="AX13" s="568"/>
      <c r="AY13" s="568"/>
      <c r="AZ13" s="568"/>
      <c r="BA13" s="568"/>
      <c r="BB13" s="568"/>
      <c r="BC13" s="568"/>
      <c r="BD13" s="568"/>
      <c r="BE13" s="568"/>
      <c r="BF13" s="568"/>
      <c r="BG13" s="581" t="s">
        <v>211</v>
      </c>
      <c r="BH13" s="581"/>
      <c r="BI13" s="581"/>
      <c r="BJ13" s="581"/>
      <c r="BK13" s="581"/>
      <c r="BL13" s="581"/>
      <c r="BM13" s="581"/>
      <c r="BN13" s="581"/>
      <c r="BO13" s="581"/>
      <c r="BP13" s="581"/>
      <c r="BQ13" s="581"/>
      <c r="BR13" s="581"/>
      <c r="BS13" s="581"/>
      <c r="BT13" s="581"/>
      <c r="BU13" s="581"/>
      <c r="BV13" s="581"/>
      <c r="BW13" s="581"/>
      <c r="BX13" s="581"/>
      <c r="BY13" s="581"/>
      <c r="BZ13" s="581"/>
      <c r="CA13" s="581"/>
      <c r="CB13" s="581"/>
      <c r="CC13" s="581"/>
      <c r="CD13" s="581"/>
      <c r="CE13" s="581"/>
      <c r="CF13" s="581"/>
      <c r="CG13" s="581"/>
      <c r="CH13" s="582"/>
      <c r="CI13" s="200"/>
      <c r="CJ13" s="200"/>
      <c r="CK13" s="200"/>
      <c r="CL13" s="200"/>
      <c r="CM13" s="200"/>
      <c r="CN13" s="200"/>
      <c r="CO13" s="200"/>
      <c r="CP13" s="200"/>
      <c r="CQ13" s="200"/>
      <c r="CR13" s="200"/>
      <c r="CS13" s="200"/>
      <c r="CT13" s="200"/>
      <c r="CU13" s="200"/>
      <c r="CV13" s="200"/>
      <c r="CW13" s="200"/>
      <c r="CX13" s="200"/>
      <c r="CY13" s="200"/>
      <c r="CZ13" s="200"/>
      <c r="DA13" s="200"/>
      <c r="DB13" s="53"/>
      <c r="DC13" s="53"/>
    </row>
    <row r="14" spans="1:107" s="64" customFormat="1" ht="21.75" customHeight="1" x14ac:dyDescent="0.15">
      <c r="A14" s="183"/>
      <c r="B14" s="631"/>
      <c r="C14" s="581"/>
      <c r="D14" s="581"/>
      <c r="E14" s="581"/>
      <c r="F14" s="581"/>
      <c r="G14" s="581"/>
      <c r="H14" s="581"/>
      <c r="I14" s="581"/>
      <c r="J14" s="581"/>
      <c r="K14" s="581"/>
      <c r="L14" s="581"/>
      <c r="M14" s="581"/>
      <c r="N14" s="581"/>
      <c r="O14" s="581"/>
      <c r="P14" s="581"/>
      <c r="Q14" s="581"/>
      <c r="R14" s="581"/>
      <c r="S14" s="581"/>
      <c r="T14" s="581"/>
      <c r="U14" s="581"/>
      <c r="V14" s="581"/>
      <c r="W14" s="581"/>
      <c r="X14" s="581"/>
      <c r="Y14" s="581"/>
      <c r="Z14" s="581"/>
      <c r="AA14" s="581"/>
      <c r="AB14" s="581"/>
      <c r="AC14" s="581"/>
      <c r="AD14" s="581"/>
      <c r="AE14" s="581"/>
      <c r="AF14" s="581"/>
      <c r="AG14" s="581"/>
      <c r="AH14" s="581"/>
      <c r="AI14" s="581"/>
      <c r="AJ14" s="581"/>
      <c r="AK14" s="581"/>
      <c r="AL14" s="581"/>
      <c r="AM14" s="581"/>
      <c r="AN14" s="581"/>
      <c r="AO14" s="581"/>
      <c r="AP14" s="581"/>
      <c r="AQ14" s="634" t="s">
        <v>213</v>
      </c>
      <c r="AR14" s="634"/>
      <c r="AS14" s="634"/>
      <c r="AT14" s="634"/>
      <c r="AU14" s="634"/>
      <c r="AV14" s="634"/>
      <c r="AW14" s="568"/>
      <c r="AX14" s="568"/>
      <c r="AY14" s="568"/>
      <c r="AZ14" s="568"/>
      <c r="BA14" s="568"/>
      <c r="BB14" s="568"/>
      <c r="BC14" s="568"/>
      <c r="BD14" s="568"/>
      <c r="BE14" s="568"/>
      <c r="BF14" s="568"/>
      <c r="BG14" s="581"/>
      <c r="BH14" s="581"/>
      <c r="BI14" s="581"/>
      <c r="BJ14" s="581"/>
      <c r="BK14" s="581"/>
      <c r="BL14" s="581"/>
      <c r="BM14" s="581"/>
      <c r="BN14" s="581"/>
      <c r="BO14" s="581"/>
      <c r="BP14" s="581"/>
      <c r="BQ14" s="581"/>
      <c r="BR14" s="581"/>
      <c r="BS14" s="581"/>
      <c r="BT14" s="581"/>
      <c r="BU14" s="581"/>
      <c r="BV14" s="581"/>
      <c r="BW14" s="581"/>
      <c r="BX14" s="581"/>
      <c r="BY14" s="581"/>
      <c r="BZ14" s="581"/>
      <c r="CA14" s="581"/>
      <c r="CB14" s="581"/>
      <c r="CC14" s="581"/>
      <c r="CD14" s="581"/>
      <c r="CE14" s="581"/>
      <c r="CF14" s="581"/>
      <c r="CG14" s="581"/>
      <c r="CH14" s="582"/>
      <c r="CI14" s="189"/>
      <c r="CJ14" s="189"/>
      <c r="CK14" s="189"/>
      <c r="CL14" s="189"/>
      <c r="CM14" s="189"/>
      <c r="CN14" s="189"/>
      <c r="CO14" s="189"/>
      <c r="CP14" s="189"/>
      <c r="CQ14" s="189"/>
      <c r="CR14" s="189"/>
      <c r="CS14" s="189"/>
      <c r="CT14" s="189"/>
      <c r="CU14" s="189"/>
      <c r="CV14" s="189"/>
      <c r="CW14" s="189"/>
      <c r="CX14" s="189"/>
      <c r="CY14" s="189"/>
      <c r="CZ14" s="189"/>
      <c r="DA14" s="189"/>
      <c r="DB14" s="53"/>
      <c r="DC14" s="53"/>
    </row>
    <row r="15" spans="1:107" s="103" customFormat="1" ht="21.75" customHeight="1" x14ac:dyDescent="0.2">
      <c r="A15" s="184"/>
      <c r="B15" s="631"/>
      <c r="C15" s="581"/>
      <c r="D15" s="581"/>
      <c r="E15" s="581"/>
      <c r="F15" s="581"/>
      <c r="G15" s="581"/>
      <c r="H15" s="581"/>
      <c r="I15" s="581"/>
      <c r="J15" s="581"/>
      <c r="K15" s="581"/>
      <c r="L15" s="581"/>
      <c r="M15" s="581"/>
      <c r="N15" s="581"/>
      <c r="O15" s="581"/>
      <c r="P15" s="581"/>
      <c r="Q15" s="581"/>
      <c r="R15" s="581"/>
      <c r="S15" s="581"/>
      <c r="T15" s="581"/>
      <c r="U15" s="581"/>
      <c r="V15" s="581"/>
      <c r="W15" s="581"/>
      <c r="X15" s="581"/>
      <c r="Y15" s="581"/>
      <c r="Z15" s="581"/>
      <c r="AA15" s="581"/>
      <c r="AB15" s="581"/>
      <c r="AC15" s="581"/>
      <c r="AD15" s="581"/>
      <c r="AE15" s="581"/>
      <c r="AF15" s="581"/>
      <c r="AG15" s="581"/>
      <c r="AH15" s="581"/>
      <c r="AI15" s="581"/>
      <c r="AJ15" s="581"/>
      <c r="AK15" s="581"/>
      <c r="AL15" s="581"/>
      <c r="AM15" s="581"/>
      <c r="AN15" s="581"/>
      <c r="AO15" s="581"/>
      <c r="AP15" s="581"/>
      <c r="AQ15" s="570" t="s">
        <v>214</v>
      </c>
      <c r="AR15" s="570"/>
      <c r="AS15" s="570"/>
      <c r="AT15" s="570"/>
      <c r="AU15" s="570"/>
      <c r="AV15" s="570"/>
      <c r="AW15" s="568"/>
      <c r="AX15" s="568"/>
      <c r="AY15" s="568"/>
      <c r="AZ15" s="568"/>
      <c r="BA15" s="568"/>
      <c r="BB15" s="568"/>
      <c r="BC15" s="568"/>
      <c r="BD15" s="568"/>
      <c r="BE15" s="568"/>
      <c r="BF15" s="568"/>
      <c r="BG15" s="581"/>
      <c r="BH15" s="581"/>
      <c r="BI15" s="581"/>
      <c r="BJ15" s="581"/>
      <c r="BK15" s="581"/>
      <c r="BL15" s="581"/>
      <c r="BM15" s="581"/>
      <c r="BN15" s="581"/>
      <c r="BO15" s="581"/>
      <c r="BP15" s="581"/>
      <c r="BQ15" s="581"/>
      <c r="BR15" s="581"/>
      <c r="BS15" s="581"/>
      <c r="BT15" s="581"/>
      <c r="BU15" s="581"/>
      <c r="BV15" s="581"/>
      <c r="BW15" s="581"/>
      <c r="BX15" s="581"/>
      <c r="BY15" s="581"/>
      <c r="BZ15" s="581"/>
      <c r="CA15" s="581"/>
      <c r="CB15" s="581"/>
      <c r="CC15" s="581"/>
      <c r="CD15" s="581"/>
      <c r="CE15" s="581"/>
      <c r="CF15" s="581"/>
      <c r="CG15" s="581"/>
      <c r="CH15" s="582"/>
      <c r="CI15" s="192"/>
      <c r="CJ15" s="192"/>
      <c r="CK15" s="192"/>
      <c r="CL15" s="192"/>
      <c r="CM15" s="192"/>
      <c r="CN15" s="192"/>
      <c r="CO15" s="192"/>
      <c r="CP15" s="192"/>
      <c r="CQ15" s="192"/>
      <c r="CR15" s="192"/>
      <c r="CS15" s="192"/>
      <c r="CT15" s="192"/>
      <c r="CU15" s="192"/>
      <c r="CV15" s="192"/>
      <c r="CW15" s="192"/>
      <c r="CX15" s="192"/>
      <c r="CY15" s="192"/>
      <c r="CZ15" s="192"/>
      <c r="DA15" s="192"/>
      <c r="DB15" s="140"/>
      <c r="DC15" s="140"/>
    </row>
    <row r="16" spans="1:107" s="2" customFormat="1" ht="35.25" customHeight="1" x14ac:dyDescent="0.15">
      <c r="A16" s="181"/>
      <c r="B16" s="240"/>
      <c r="C16" s="241"/>
      <c r="D16" s="241"/>
      <c r="E16" s="241"/>
      <c r="F16" s="241"/>
      <c r="G16" s="241"/>
      <c r="H16" s="241"/>
      <c r="I16" s="241"/>
      <c r="J16" s="241"/>
      <c r="K16" s="241"/>
      <c r="L16" s="241"/>
      <c r="M16" s="241"/>
      <c r="N16" s="241"/>
      <c r="O16" s="241"/>
      <c r="P16" s="241"/>
      <c r="Q16" s="241"/>
      <c r="R16" s="241"/>
      <c r="S16" s="241"/>
      <c r="T16" s="241"/>
      <c r="U16" s="241"/>
      <c r="V16" s="241"/>
      <c r="W16" s="241"/>
      <c r="X16" s="241"/>
      <c r="Y16" s="241"/>
      <c r="Z16" s="241"/>
      <c r="AA16" s="241"/>
      <c r="AB16" s="571" t="s">
        <v>220</v>
      </c>
      <c r="AC16" s="572"/>
      <c r="AD16" s="572"/>
      <c r="AE16" s="572"/>
      <c r="AF16" s="572"/>
      <c r="AG16" s="572"/>
      <c r="AH16" s="572"/>
      <c r="AI16" s="572"/>
      <c r="AJ16" s="572"/>
      <c r="AK16" s="572"/>
      <c r="AL16" s="572"/>
      <c r="AM16" s="572"/>
      <c r="AN16" s="572"/>
      <c r="AO16" s="572"/>
      <c r="AP16" s="572"/>
      <c r="AQ16" s="572"/>
      <c r="AR16" s="572"/>
      <c r="AS16" s="572"/>
      <c r="AT16" s="572"/>
      <c r="AU16" s="572"/>
      <c r="AV16" s="572"/>
      <c r="AW16" s="572"/>
      <c r="AX16" s="572"/>
      <c r="AY16" s="572"/>
      <c r="AZ16" s="572"/>
      <c r="BA16" s="572"/>
      <c r="BB16" s="572"/>
      <c r="BC16" s="572"/>
      <c r="BD16" s="572"/>
      <c r="BE16" s="572"/>
      <c r="BF16" s="573"/>
      <c r="BG16" s="241"/>
      <c r="BH16" s="241"/>
      <c r="BI16" s="241"/>
      <c r="BJ16" s="241"/>
      <c r="BK16" s="241"/>
      <c r="BL16" s="241"/>
      <c r="BM16" s="241"/>
      <c r="BN16" s="241"/>
      <c r="BO16" s="241"/>
      <c r="BP16" s="241"/>
      <c r="BQ16" s="241"/>
      <c r="BR16" s="241"/>
      <c r="BS16" s="241"/>
      <c r="BT16" s="241"/>
      <c r="BU16" s="241"/>
      <c r="BV16" s="241"/>
      <c r="BW16" s="241"/>
      <c r="BX16" s="241"/>
      <c r="BY16" s="241"/>
      <c r="BZ16" s="241"/>
      <c r="CA16" s="241"/>
      <c r="CB16" s="241"/>
      <c r="CC16" s="241"/>
      <c r="CD16" s="241"/>
      <c r="CE16" s="241"/>
      <c r="CF16" s="241"/>
      <c r="CG16" s="241"/>
      <c r="CH16" s="253"/>
      <c r="CI16" s="199"/>
      <c r="CJ16" s="199"/>
      <c r="CK16" s="199"/>
      <c r="CL16" s="199"/>
      <c r="CM16" s="199"/>
      <c r="CN16" s="199"/>
      <c r="CO16" s="199"/>
      <c r="CP16" s="199"/>
      <c r="CQ16" s="199"/>
      <c r="CR16" s="199"/>
      <c r="CS16" s="199"/>
      <c r="CT16" s="199"/>
      <c r="CU16" s="199"/>
      <c r="CV16" s="199"/>
      <c r="CW16" s="199"/>
      <c r="CX16" s="199"/>
      <c r="CY16" s="199"/>
      <c r="CZ16" s="199"/>
      <c r="DA16" s="53"/>
    </row>
    <row r="17" spans="1:107" s="103" customFormat="1" ht="33.75" customHeight="1" x14ac:dyDescent="0.2">
      <c r="A17" s="184"/>
      <c r="B17" s="630" t="s">
        <v>11</v>
      </c>
      <c r="C17" s="579"/>
      <c r="D17" s="579"/>
      <c r="E17" s="579"/>
      <c r="F17" s="579"/>
      <c r="G17" s="579"/>
      <c r="H17" s="579"/>
      <c r="I17" s="579"/>
      <c r="J17" s="579"/>
      <c r="K17" s="579"/>
      <c r="L17" s="579"/>
      <c r="M17" s="574" t="s">
        <v>183</v>
      </c>
      <c r="N17" s="574"/>
      <c r="O17" s="574"/>
      <c r="P17" s="574"/>
      <c r="Q17" s="574"/>
      <c r="R17" s="574"/>
      <c r="S17" s="574"/>
      <c r="T17" s="574"/>
      <c r="U17" s="574"/>
      <c r="V17" s="574"/>
      <c r="W17" s="574"/>
      <c r="X17" s="574"/>
      <c r="Y17" s="574"/>
      <c r="Z17" s="574"/>
      <c r="AA17" s="574"/>
      <c r="AB17" s="574"/>
      <c r="AC17" s="574"/>
      <c r="AD17" s="574"/>
      <c r="AE17" s="574"/>
      <c r="AF17" s="574"/>
      <c r="AG17" s="574"/>
      <c r="AH17" s="574"/>
      <c r="AI17" s="574"/>
      <c r="AJ17" s="574"/>
      <c r="AK17" s="574"/>
      <c r="AL17" s="574"/>
      <c r="AM17" s="574"/>
      <c r="AN17" s="574"/>
      <c r="AO17" s="574"/>
      <c r="AP17" s="574"/>
      <c r="AQ17" s="574"/>
      <c r="AR17" s="574"/>
      <c r="AS17" s="574"/>
      <c r="AT17" s="574"/>
      <c r="AU17" s="574"/>
      <c r="AV17" s="574"/>
      <c r="AW17" s="579" t="s">
        <v>229</v>
      </c>
      <c r="AX17" s="579"/>
      <c r="AY17" s="579"/>
      <c r="AZ17" s="579"/>
      <c r="BA17" s="579"/>
      <c r="BB17" s="579"/>
      <c r="BC17" s="579"/>
      <c r="BD17" s="579"/>
      <c r="BE17" s="579"/>
      <c r="BF17" s="579"/>
      <c r="BG17" s="579" t="s">
        <v>105</v>
      </c>
      <c r="BH17" s="579"/>
      <c r="BI17" s="579"/>
      <c r="BJ17" s="579"/>
      <c r="BK17" s="579"/>
      <c r="BL17" s="579"/>
      <c r="BM17" s="579"/>
      <c r="BN17" s="579"/>
      <c r="BO17" s="579"/>
      <c r="BP17" s="579"/>
      <c r="BQ17" s="579"/>
      <c r="BR17" s="579"/>
      <c r="BS17" s="579"/>
      <c r="BT17" s="579"/>
      <c r="BU17" s="579"/>
      <c r="BV17" s="579"/>
      <c r="BW17" s="579"/>
      <c r="BX17" s="579"/>
      <c r="BY17" s="579"/>
      <c r="BZ17" s="579"/>
      <c r="CA17" s="579"/>
      <c r="CB17" s="579"/>
      <c r="CC17" s="579"/>
      <c r="CD17" s="579"/>
      <c r="CE17" s="579"/>
      <c r="CF17" s="579"/>
      <c r="CG17" s="579"/>
      <c r="CH17" s="580"/>
      <c r="CI17" s="194"/>
      <c r="CJ17" s="194"/>
      <c r="CK17" s="192"/>
      <c r="CL17" s="192"/>
      <c r="CM17" s="192"/>
      <c r="CN17" s="192"/>
      <c r="CO17" s="192"/>
      <c r="CP17" s="192"/>
      <c r="CQ17" s="192"/>
      <c r="CR17" s="192"/>
      <c r="CS17" s="192"/>
      <c r="CT17" s="192"/>
      <c r="CU17" s="192"/>
      <c r="CV17" s="192"/>
      <c r="CW17" s="192"/>
      <c r="CX17" s="192"/>
      <c r="CY17" s="192"/>
      <c r="CZ17" s="192"/>
      <c r="DA17" s="192"/>
      <c r="DB17" s="140"/>
      <c r="DC17" s="140"/>
    </row>
    <row r="18" spans="1:107" s="103" customFormat="1" ht="21.75" customHeight="1" x14ac:dyDescent="0.2">
      <c r="A18" s="184"/>
      <c r="B18" s="631"/>
      <c r="C18" s="581"/>
      <c r="D18" s="581"/>
      <c r="E18" s="581"/>
      <c r="F18" s="581"/>
      <c r="G18" s="581"/>
      <c r="H18" s="581"/>
      <c r="I18" s="581"/>
      <c r="J18" s="581"/>
      <c r="K18" s="581"/>
      <c r="L18" s="581"/>
      <c r="M18" s="611"/>
      <c r="N18" s="612"/>
      <c r="O18" s="612"/>
      <c r="P18" s="612"/>
      <c r="Q18" s="612"/>
      <c r="R18" s="612"/>
      <c r="S18" s="612"/>
      <c r="T18" s="612"/>
      <c r="U18" s="612"/>
      <c r="V18" s="612"/>
      <c r="W18" s="612"/>
      <c r="X18" s="612"/>
      <c r="Y18" s="612"/>
      <c r="Z18" s="612"/>
      <c r="AA18" s="612"/>
      <c r="AB18" s="612"/>
      <c r="AC18" s="612"/>
      <c r="AD18" s="612"/>
      <c r="AE18" s="612"/>
      <c r="AF18" s="612"/>
      <c r="AG18" s="612"/>
      <c r="AH18" s="612"/>
      <c r="AI18" s="612"/>
      <c r="AJ18" s="612"/>
      <c r="AK18" s="612"/>
      <c r="AL18" s="612"/>
      <c r="AM18" s="612"/>
      <c r="AN18" s="612"/>
      <c r="AO18" s="612"/>
      <c r="AP18" s="612"/>
      <c r="AQ18" s="612"/>
      <c r="AR18" s="612"/>
      <c r="AS18" s="612"/>
      <c r="AT18" s="612"/>
      <c r="AU18" s="612"/>
      <c r="AV18" s="613"/>
      <c r="AW18" s="568"/>
      <c r="AX18" s="568"/>
      <c r="AY18" s="568"/>
      <c r="AZ18" s="568"/>
      <c r="BA18" s="568"/>
      <c r="BB18" s="568"/>
      <c r="BC18" s="568"/>
      <c r="BD18" s="568"/>
      <c r="BE18" s="568"/>
      <c r="BF18" s="568"/>
      <c r="BG18" s="581" t="s">
        <v>211</v>
      </c>
      <c r="BH18" s="581"/>
      <c r="BI18" s="581"/>
      <c r="BJ18" s="581"/>
      <c r="BK18" s="581"/>
      <c r="BL18" s="581"/>
      <c r="BM18" s="581"/>
      <c r="BN18" s="581"/>
      <c r="BO18" s="581"/>
      <c r="BP18" s="581"/>
      <c r="BQ18" s="581"/>
      <c r="BR18" s="581"/>
      <c r="BS18" s="581"/>
      <c r="BT18" s="581"/>
      <c r="BU18" s="581"/>
      <c r="BV18" s="581"/>
      <c r="BW18" s="581"/>
      <c r="BX18" s="581"/>
      <c r="BY18" s="581"/>
      <c r="BZ18" s="581"/>
      <c r="CA18" s="581"/>
      <c r="CB18" s="581"/>
      <c r="CC18" s="581"/>
      <c r="CD18" s="581"/>
      <c r="CE18" s="581"/>
      <c r="CF18" s="581"/>
      <c r="CG18" s="581"/>
      <c r="CH18" s="582"/>
      <c r="CI18" s="194"/>
      <c r="CJ18" s="194"/>
      <c r="CK18" s="192"/>
      <c r="CL18" s="192"/>
      <c r="CM18" s="192"/>
      <c r="CN18" s="192"/>
      <c r="CO18" s="192"/>
      <c r="CP18" s="192"/>
      <c r="CQ18" s="192"/>
      <c r="CR18" s="192"/>
      <c r="CS18" s="192"/>
      <c r="CT18" s="192"/>
      <c r="CU18" s="192"/>
      <c r="CV18" s="192"/>
      <c r="CW18" s="192"/>
      <c r="CX18" s="192"/>
      <c r="CY18" s="192"/>
      <c r="CZ18" s="192"/>
      <c r="DA18" s="192"/>
      <c r="DB18" s="140"/>
      <c r="DC18" s="140"/>
    </row>
    <row r="19" spans="1:107" s="103" customFormat="1" ht="21.75" customHeight="1" x14ac:dyDescent="0.2">
      <c r="A19" s="184"/>
      <c r="B19" s="631"/>
      <c r="C19" s="581"/>
      <c r="D19" s="581"/>
      <c r="E19" s="581"/>
      <c r="F19" s="581"/>
      <c r="G19" s="581"/>
      <c r="H19" s="581"/>
      <c r="I19" s="581"/>
      <c r="J19" s="581"/>
      <c r="K19" s="581"/>
      <c r="L19" s="581"/>
      <c r="M19" s="614"/>
      <c r="N19" s="615"/>
      <c r="O19" s="615"/>
      <c r="P19" s="615"/>
      <c r="Q19" s="615"/>
      <c r="R19" s="615"/>
      <c r="S19" s="615"/>
      <c r="T19" s="615"/>
      <c r="U19" s="615"/>
      <c r="V19" s="615"/>
      <c r="W19" s="615"/>
      <c r="X19" s="615"/>
      <c r="Y19" s="615"/>
      <c r="Z19" s="615"/>
      <c r="AA19" s="615"/>
      <c r="AB19" s="615"/>
      <c r="AC19" s="615"/>
      <c r="AD19" s="615"/>
      <c r="AE19" s="615"/>
      <c r="AF19" s="615"/>
      <c r="AG19" s="615"/>
      <c r="AH19" s="615"/>
      <c r="AI19" s="615"/>
      <c r="AJ19" s="615"/>
      <c r="AK19" s="615"/>
      <c r="AL19" s="615"/>
      <c r="AM19" s="615"/>
      <c r="AN19" s="615"/>
      <c r="AO19" s="615"/>
      <c r="AP19" s="615"/>
      <c r="AQ19" s="615"/>
      <c r="AR19" s="615"/>
      <c r="AS19" s="615"/>
      <c r="AT19" s="615"/>
      <c r="AU19" s="615"/>
      <c r="AV19" s="616"/>
      <c r="AW19" s="568"/>
      <c r="AX19" s="568"/>
      <c r="AY19" s="568"/>
      <c r="AZ19" s="568"/>
      <c r="BA19" s="568"/>
      <c r="BB19" s="568"/>
      <c r="BC19" s="568"/>
      <c r="BD19" s="568"/>
      <c r="BE19" s="568"/>
      <c r="BF19" s="568"/>
      <c r="BG19" s="581"/>
      <c r="BH19" s="581"/>
      <c r="BI19" s="581"/>
      <c r="BJ19" s="581"/>
      <c r="BK19" s="581"/>
      <c r="BL19" s="581"/>
      <c r="BM19" s="581"/>
      <c r="BN19" s="581"/>
      <c r="BO19" s="581"/>
      <c r="BP19" s="581"/>
      <c r="BQ19" s="581"/>
      <c r="BR19" s="581"/>
      <c r="BS19" s="581"/>
      <c r="BT19" s="581"/>
      <c r="BU19" s="581"/>
      <c r="BV19" s="581"/>
      <c r="BW19" s="581"/>
      <c r="BX19" s="581"/>
      <c r="BY19" s="581"/>
      <c r="BZ19" s="581"/>
      <c r="CA19" s="581"/>
      <c r="CB19" s="581"/>
      <c r="CC19" s="581"/>
      <c r="CD19" s="581"/>
      <c r="CE19" s="581"/>
      <c r="CF19" s="581"/>
      <c r="CG19" s="581"/>
      <c r="CH19" s="582"/>
      <c r="CI19" s="194"/>
      <c r="CJ19" s="194"/>
      <c r="CK19" s="192"/>
      <c r="CL19" s="192"/>
      <c r="CM19" s="192"/>
      <c r="CN19" s="192"/>
      <c r="CO19" s="192"/>
      <c r="CP19" s="192"/>
      <c r="CQ19" s="192"/>
      <c r="CR19" s="192"/>
      <c r="CS19" s="192"/>
      <c r="CT19" s="192"/>
      <c r="CU19" s="192"/>
      <c r="CV19" s="192"/>
      <c r="CW19" s="192"/>
      <c r="CX19" s="192"/>
      <c r="CY19" s="192"/>
      <c r="CZ19" s="192"/>
      <c r="DA19" s="192"/>
      <c r="DB19" s="140"/>
      <c r="DC19" s="140"/>
    </row>
    <row r="20" spans="1:107" s="103" customFormat="1" ht="21.75" customHeight="1" x14ac:dyDescent="0.2">
      <c r="A20" s="184"/>
      <c r="B20" s="631"/>
      <c r="C20" s="581"/>
      <c r="D20" s="581"/>
      <c r="E20" s="581"/>
      <c r="F20" s="581"/>
      <c r="G20" s="581"/>
      <c r="H20" s="581"/>
      <c r="I20" s="581"/>
      <c r="J20" s="581"/>
      <c r="K20" s="581"/>
      <c r="L20" s="581"/>
      <c r="M20" s="617"/>
      <c r="N20" s="618"/>
      <c r="O20" s="618"/>
      <c r="P20" s="618"/>
      <c r="Q20" s="618"/>
      <c r="R20" s="618"/>
      <c r="S20" s="618"/>
      <c r="T20" s="618"/>
      <c r="U20" s="618"/>
      <c r="V20" s="618"/>
      <c r="W20" s="618"/>
      <c r="X20" s="618"/>
      <c r="Y20" s="618"/>
      <c r="Z20" s="618"/>
      <c r="AA20" s="618"/>
      <c r="AB20" s="618"/>
      <c r="AC20" s="618"/>
      <c r="AD20" s="618"/>
      <c r="AE20" s="618"/>
      <c r="AF20" s="618"/>
      <c r="AG20" s="618"/>
      <c r="AH20" s="618"/>
      <c r="AI20" s="618"/>
      <c r="AJ20" s="618"/>
      <c r="AK20" s="618"/>
      <c r="AL20" s="618"/>
      <c r="AM20" s="618"/>
      <c r="AN20" s="618"/>
      <c r="AO20" s="618"/>
      <c r="AP20" s="618"/>
      <c r="AQ20" s="618"/>
      <c r="AR20" s="618"/>
      <c r="AS20" s="618"/>
      <c r="AT20" s="618"/>
      <c r="AU20" s="618"/>
      <c r="AV20" s="619"/>
      <c r="AW20" s="568"/>
      <c r="AX20" s="568"/>
      <c r="AY20" s="568"/>
      <c r="AZ20" s="568"/>
      <c r="BA20" s="568"/>
      <c r="BB20" s="568"/>
      <c r="BC20" s="568"/>
      <c r="BD20" s="568"/>
      <c r="BE20" s="568"/>
      <c r="BF20" s="568"/>
      <c r="BG20" s="581"/>
      <c r="BH20" s="581"/>
      <c r="BI20" s="581"/>
      <c r="BJ20" s="581"/>
      <c r="BK20" s="581"/>
      <c r="BL20" s="581"/>
      <c r="BM20" s="581"/>
      <c r="BN20" s="581"/>
      <c r="BO20" s="581"/>
      <c r="BP20" s="581"/>
      <c r="BQ20" s="581"/>
      <c r="BR20" s="581"/>
      <c r="BS20" s="581"/>
      <c r="BT20" s="581"/>
      <c r="BU20" s="581"/>
      <c r="BV20" s="581"/>
      <c r="BW20" s="581"/>
      <c r="BX20" s="581"/>
      <c r="BY20" s="581"/>
      <c r="BZ20" s="581"/>
      <c r="CA20" s="581"/>
      <c r="CB20" s="581"/>
      <c r="CC20" s="581"/>
      <c r="CD20" s="581"/>
      <c r="CE20" s="581"/>
      <c r="CF20" s="581"/>
      <c r="CG20" s="581"/>
      <c r="CH20" s="582"/>
      <c r="CI20" s="194"/>
      <c r="CJ20" s="194"/>
      <c r="CK20" s="192"/>
      <c r="CL20" s="192"/>
      <c r="CM20" s="192"/>
      <c r="CN20" s="192"/>
      <c r="CO20" s="192"/>
      <c r="CP20" s="192"/>
      <c r="CQ20" s="192"/>
      <c r="CR20" s="192"/>
      <c r="CS20" s="192"/>
      <c r="CT20" s="192"/>
      <c r="CU20" s="192"/>
      <c r="CV20" s="192"/>
      <c r="CW20" s="192"/>
      <c r="CX20" s="192"/>
      <c r="CY20" s="192"/>
      <c r="CZ20" s="192"/>
      <c r="DA20" s="192"/>
      <c r="DB20" s="140"/>
      <c r="DC20" s="140"/>
    </row>
    <row r="21" spans="1:107" s="2" customFormat="1" ht="35.25" customHeight="1" x14ac:dyDescent="0.15">
      <c r="A21" s="181"/>
      <c r="B21" s="240"/>
      <c r="C21" s="241"/>
      <c r="D21" s="241"/>
      <c r="E21" s="241"/>
      <c r="F21" s="241"/>
      <c r="G21" s="241"/>
      <c r="H21" s="241"/>
      <c r="I21" s="241"/>
      <c r="J21" s="241"/>
      <c r="K21" s="241"/>
      <c r="L21" s="241"/>
      <c r="M21" s="241"/>
      <c r="N21" s="241"/>
      <c r="O21" s="241"/>
      <c r="P21" s="241"/>
      <c r="Q21" s="241"/>
      <c r="R21" s="241"/>
      <c r="S21" s="241"/>
      <c r="T21" s="241"/>
      <c r="U21" s="241"/>
      <c r="V21" s="241"/>
      <c r="W21" s="241"/>
      <c r="X21" s="241"/>
      <c r="Y21" s="241"/>
      <c r="Z21" s="241"/>
      <c r="AA21" s="241"/>
      <c r="AB21" s="571" t="s">
        <v>218</v>
      </c>
      <c r="AC21" s="572"/>
      <c r="AD21" s="572"/>
      <c r="AE21" s="572"/>
      <c r="AF21" s="572"/>
      <c r="AG21" s="572"/>
      <c r="AH21" s="572"/>
      <c r="AI21" s="572"/>
      <c r="AJ21" s="572"/>
      <c r="AK21" s="572"/>
      <c r="AL21" s="572"/>
      <c r="AM21" s="572"/>
      <c r="AN21" s="572"/>
      <c r="AO21" s="572"/>
      <c r="AP21" s="572"/>
      <c r="AQ21" s="572"/>
      <c r="AR21" s="572"/>
      <c r="AS21" s="572"/>
      <c r="AT21" s="572"/>
      <c r="AU21" s="572"/>
      <c r="AV21" s="572"/>
      <c r="AW21" s="572"/>
      <c r="AX21" s="572"/>
      <c r="AY21" s="572"/>
      <c r="AZ21" s="572"/>
      <c r="BA21" s="572"/>
      <c r="BB21" s="572"/>
      <c r="BC21" s="572"/>
      <c r="BD21" s="572"/>
      <c r="BE21" s="572"/>
      <c r="BF21" s="573"/>
      <c r="BG21" s="241"/>
      <c r="BH21" s="241"/>
      <c r="BI21" s="241"/>
      <c r="BJ21" s="241"/>
      <c r="BK21" s="241"/>
      <c r="BL21" s="241"/>
      <c r="BM21" s="241"/>
      <c r="BN21" s="241"/>
      <c r="BO21" s="241"/>
      <c r="BP21" s="241"/>
      <c r="BQ21" s="241"/>
      <c r="BR21" s="241"/>
      <c r="BS21" s="241"/>
      <c r="BT21" s="241"/>
      <c r="BU21" s="241"/>
      <c r="BV21" s="241"/>
      <c r="BW21" s="241"/>
      <c r="BX21" s="241"/>
      <c r="BY21" s="241"/>
      <c r="BZ21" s="241"/>
      <c r="CA21" s="241"/>
      <c r="CB21" s="241"/>
      <c r="CC21" s="241"/>
      <c r="CD21" s="241"/>
      <c r="CE21" s="241"/>
      <c r="CF21" s="241"/>
      <c r="CG21" s="241"/>
      <c r="CH21" s="253"/>
      <c r="CI21" s="199"/>
      <c r="CJ21" s="199"/>
      <c r="CK21" s="199"/>
      <c r="CL21" s="199"/>
      <c r="CM21" s="199"/>
      <c r="CN21" s="199"/>
      <c r="CO21" s="199"/>
      <c r="CP21" s="199"/>
      <c r="CQ21" s="199"/>
      <c r="CR21" s="199"/>
      <c r="CS21" s="199"/>
      <c r="CT21" s="199"/>
      <c r="CU21" s="199"/>
      <c r="CV21" s="199"/>
      <c r="CW21" s="199"/>
      <c r="CX21" s="199"/>
      <c r="CY21" s="199"/>
      <c r="CZ21" s="199"/>
      <c r="DA21" s="53"/>
    </row>
    <row r="22" spans="1:107" s="103" customFormat="1" ht="33.75" customHeight="1" x14ac:dyDescent="0.2">
      <c r="A22" s="184"/>
      <c r="B22" s="630" t="s">
        <v>11</v>
      </c>
      <c r="C22" s="579"/>
      <c r="D22" s="579"/>
      <c r="E22" s="579"/>
      <c r="F22" s="579"/>
      <c r="G22" s="579"/>
      <c r="H22" s="579"/>
      <c r="I22" s="579"/>
      <c r="J22" s="579"/>
      <c r="K22" s="579"/>
      <c r="L22" s="579"/>
      <c r="M22" s="574" t="s">
        <v>183</v>
      </c>
      <c r="N22" s="574"/>
      <c r="O22" s="574"/>
      <c r="P22" s="574"/>
      <c r="Q22" s="574"/>
      <c r="R22" s="574"/>
      <c r="S22" s="574"/>
      <c r="T22" s="574"/>
      <c r="U22" s="574"/>
      <c r="V22" s="574"/>
      <c r="W22" s="574"/>
      <c r="X22" s="574"/>
      <c r="Y22" s="574"/>
      <c r="Z22" s="574"/>
      <c r="AA22" s="574"/>
      <c r="AB22" s="574"/>
      <c r="AC22" s="574"/>
      <c r="AD22" s="574"/>
      <c r="AE22" s="574"/>
      <c r="AF22" s="574"/>
      <c r="AG22" s="574"/>
      <c r="AH22" s="574"/>
      <c r="AI22" s="574"/>
      <c r="AJ22" s="574"/>
      <c r="AK22" s="574"/>
      <c r="AL22" s="574"/>
      <c r="AM22" s="574"/>
      <c r="AN22" s="574"/>
      <c r="AO22" s="574"/>
      <c r="AP22" s="574"/>
      <c r="AQ22" s="574"/>
      <c r="AR22" s="574"/>
      <c r="AS22" s="574"/>
      <c r="AT22" s="574"/>
      <c r="AU22" s="574"/>
      <c r="AV22" s="574"/>
      <c r="AW22" s="579" t="s">
        <v>210</v>
      </c>
      <c r="AX22" s="579"/>
      <c r="AY22" s="579"/>
      <c r="AZ22" s="579"/>
      <c r="BA22" s="579"/>
      <c r="BB22" s="579"/>
      <c r="BC22" s="579"/>
      <c r="BD22" s="579"/>
      <c r="BE22" s="579"/>
      <c r="BF22" s="579"/>
      <c r="BG22" s="579" t="s">
        <v>105</v>
      </c>
      <c r="BH22" s="579"/>
      <c r="BI22" s="579"/>
      <c r="BJ22" s="579"/>
      <c r="BK22" s="579"/>
      <c r="BL22" s="579"/>
      <c r="BM22" s="579"/>
      <c r="BN22" s="579"/>
      <c r="BO22" s="579"/>
      <c r="BP22" s="579"/>
      <c r="BQ22" s="579"/>
      <c r="BR22" s="579"/>
      <c r="BS22" s="579"/>
      <c r="BT22" s="579"/>
      <c r="BU22" s="579"/>
      <c r="BV22" s="579"/>
      <c r="BW22" s="579"/>
      <c r="BX22" s="579"/>
      <c r="BY22" s="579"/>
      <c r="BZ22" s="579"/>
      <c r="CA22" s="579"/>
      <c r="CB22" s="579"/>
      <c r="CC22" s="579"/>
      <c r="CD22" s="579"/>
      <c r="CE22" s="579"/>
      <c r="CF22" s="579"/>
      <c r="CG22" s="579"/>
      <c r="CH22" s="580"/>
      <c r="CI22" s="194"/>
      <c r="CJ22" s="194"/>
      <c r="CK22" s="192"/>
      <c r="CL22" s="192"/>
      <c r="CM22" s="192"/>
      <c r="CN22" s="192"/>
      <c r="CO22" s="192"/>
      <c r="CP22" s="192"/>
      <c r="CQ22" s="192"/>
      <c r="CR22" s="192"/>
      <c r="CS22" s="192"/>
      <c r="CT22" s="192"/>
      <c r="CU22" s="192"/>
      <c r="CV22" s="192"/>
      <c r="CW22" s="192"/>
      <c r="CX22" s="192"/>
      <c r="CY22" s="192"/>
      <c r="CZ22" s="192"/>
      <c r="DA22" s="192"/>
      <c r="DB22" s="140"/>
      <c r="DC22" s="140"/>
    </row>
    <row r="23" spans="1:107" s="103" customFormat="1" ht="21.75" customHeight="1" x14ac:dyDescent="0.2">
      <c r="A23" s="184"/>
      <c r="B23" s="631"/>
      <c r="C23" s="581"/>
      <c r="D23" s="581"/>
      <c r="E23" s="581"/>
      <c r="F23" s="581"/>
      <c r="G23" s="581"/>
      <c r="H23" s="581"/>
      <c r="I23" s="581"/>
      <c r="J23" s="581"/>
      <c r="K23" s="581"/>
      <c r="L23" s="581"/>
      <c r="M23" s="568"/>
      <c r="N23" s="568"/>
      <c r="O23" s="568"/>
      <c r="P23" s="568"/>
      <c r="Q23" s="568"/>
      <c r="R23" s="568"/>
      <c r="S23" s="568"/>
      <c r="T23" s="568"/>
      <c r="U23" s="568"/>
      <c r="V23" s="568"/>
      <c r="W23" s="568"/>
      <c r="X23" s="568"/>
      <c r="Y23" s="568"/>
      <c r="Z23" s="568"/>
      <c r="AA23" s="568"/>
      <c r="AB23" s="568"/>
      <c r="AC23" s="568"/>
      <c r="AD23" s="568"/>
      <c r="AE23" s="568"/>
      <c r="AF23" s="568"/>
      <c r="AG23" s="568"/>
      <c r="AH23" s="568"/>
      <c r="AI23" s="568"/>
      <c r="AJ23" s="568"/>
      <c r="AK23" s="568"/>
      <c r="AL23" s="568"/>
      <c r="AM23" s="568"/>
      <c r="AN23" s="568"/>
      <c r="AO23" s="568"/>
      <c r="AP23" s="568"/>
      <c r="AQ23" s="568"/>
      <c r="AR23" s="568"/>
      <c r="AS23" s="568"/>
      <c r="AT23" s="568"/>
      <c r="AU23" s="568"/>
      <c r="AV23" s="568"/>
      <c r="AW23" s="568"/>
      <c r="AX23" s="568"/>
      <c r="AY23" s="568"/>
      <c r="AZ23" s="568"/>
      <c r="BA23" s="568"/>
      <c r="BB23" s="568"/>
      <c r="BC23" s="568"/>
      <c r="BD23" s="568"/>
      <c r="BE23" s="568"/>
      <c r="BF23" s="568"/>
      <c r="BG23" s="581" t="s">
        <v>211</v>
      </c>
      <c r="BH23" s="581"/>
      <c r="BI23" s="581"/>
      <c r="BJ23" s="581"/>
      <c r="BK23" s="581"/>
      <c r="BL23" s="581"/>
      <c r="BM23" s="581"/>
      <c r="BN23" s="581"/>
      <c r="BO23" s="581"/>
      <c r="BP23" s="581"/>
      <c r="BQ23" s="581"/>
      <c r="BR23" s="581"/>
      <c r="BS23" s="581"/>
      <c r="BT23" s="581"/>
      <c r="BU23" s="581"/>
      <c r="BV23" s="581"/>
      <c r="BW23" s="581"/>
      <c r="BX23" s="581"/>
      <c r="BY23" s="581"/>
      <c r="BZ23" s="581"/>
      <c r="CA23" s="581"/>
      <c r="CB23" s="581"/>
      <c r="CC23" s="581"/>
      <c r="CD23" s="581"/>
      <c r="CE23" s="581"/>
      <c r="CF23" s="581"/>
      <c r="CG23" s="581"/>
      <c r="CH23" s="582"/>
      <c r="CI23" s="194"/>
      <c r="CJ23" s="194"/>
      <c r="CK23" s="192"/>
      <c r="CL23" s="192"/>
      <c r="CM23" s="192"/>
      <c r="CN23" s="192"/>
      <c r="CO23" s="192"/>
      <c r="CP23" s="192"/>
      <c r="CQ23" s="192"/>
      <c r="CR23" s="192"/>
      <c r="CS23" s="192"/>
      <c r="CT23" s="192"/>
      <c r="CU23" s="192"/>
      <c r="CV23" s="192"/>
      <c r="CW23" s="192"/>
      <c r="CX23" s="192"/>
      <c r="CY23" s="192"/>
      <c r="CZ23" s="192"/>
      <c r="DA23" s="192"/>
      <c r="DB23" s="140"/>
      <c r="DC23" s="140"/>
    </row>
    <row r="24" spans="1:107" s="103" customFormat="1" ht="21.75" customHeight="1" x14ac:dyDescent="0.2">
      <c r="A24" s="184"/>
      <c r="B24" s="631"/>
      <c r="C24" s="581"/>
      <c r="D24" s="581"/>
      <c r="E24" s="581"/>
      <c r="F24" s="581"/>
      <c r="G24" s="581"/>
      <c r="H24" s="581"/>
      <c r="I24" s="581"/>
      <c r="J24" s="581"/>
      <c r="K24" s="581"/>
      <c r="L24" s="581"/>
      <c r="M24" s="568"/>
      <c r="N24" s="568"/>
      <c r="O24" s="568"/>
      <c r="P24" s="568"/>
      <c r="Q24" s="568"/>
      <c r="R24" s="568"/>
      <c r="S24" s="568"/>
      <c r="T24" s="568"/>
      <c r="U24" s="568"/>
      <c r="V24" s="568"/>
      <c r="W24" s="568"/>
      <c r="X24" s="568"/>
      <c r="Y24" s="568"/>
      <c r="Z24" s="568"/>
      <c r="AA24" s="568"/>
      <c r="AB24" s="568"/>
      <c r="AC24" s="568"/>
      <c r="AD24" s="568"/>
      <c r="AE24" s="568"/>
      <c r="AF24" s="568"/>
      <c r="AG24" s="568"/>
      <c r="AH24" s="568"/>
      <c r="AI24" s="568"/>
      <c r="AJ24" s="568"/>
      <c r="AK24" s="568"/>
      <c r="AL24" s="568"/>
      <c r="AM24" s="568"/>
      <c r="AN24" s="568"/>
      <c r="AO24" s="568"/>
      <c r="AP24" s="568"/>
      <c r="AQ24" s="568"/>
      <c r="AR24" s="568"/>
      <c r="AS24" s="568"/>
      <c r="AT24" s="568"/>
      <c r="AU24" s="568"/>
      <c r="AV24" s="568"/>
      <c r="AW24" s="568"/>
      <c r="AX24" s="568"/>
      <c r="AY24" s="568"/>
      <c r="AZ24" s="568"/>
      <c r="BA24" s="568"/>
      <c r="BB24" s="568"/>
      <c r="BC24" s="568"/>
      <c r="BD24" s="568"/>
      <c r="BE24" s="568"/>
      <c r="BF24" s="568"/>
      <c r="BG24" s="581"/>
      <c r="BH24" s="581"/>
      <c r="BI24" s="581"/>
      <c r="BJ24" s="581"/>
      <c r="BK24" s="581"/>
      <c r="BL24" s="581"/>
      <c r="BM24" s="581"/>
      <c r="BN24" s="581"/>
      <c r="BO24" s="581"/>
      <c r="BP24" s="581"/>
      <c r="BQ24" s="581"/>
      <c r="BR24" s="581"/>
      <c r="BS24" s="581"/>
      <c r="BT24" s="581"/>
      <c r="BU24" s="581"/>
      <c r="BV24" s="581"/>
      <c r="BW24" s="581"/>
      <c r="BX24" s="581"/>
      <c r="BY24" s="581"/>
      <c r="BZ24" s="581"/>
      <c r="CA24" s="581"/>
      <c r="CB24" s="581"/>
      <c r="CC24" s="581"/>
      <c r="CD24" s="581"/>
      <c r="CE24" s="581"/>
      <c r="CF24" s="581"/>
      <c r="CG24" s="581"/>
      <c r="CH24" s="582"/>
      <c r="CI24" s="194"/>
      <c r="CJ24" s="194"/>
      <c r="CK24" s="192"/>
      <c r="CL24" s="192"/>
      <c r="CM24" s="192"/>
      <c r="CN24" s="192"/>
      <c r="CO24" s="192"/>
      <c r="CP24" s="192"/>
      <c r="CQ24" s="192"/>
      <c r="CR24" s="192"/>
      <c r="CS24" s="192"/>
      <c r="CT24" s="192"/>
      <c r="CU24" s="192"/>
      <c r="CV24" s="192"/>
      <c r="CW24" s="192"/>
      <c r="CX24" s="192"/>
      <c r="CY24" s="192"/>
      <c r="CZ24" s="192"/>
      <c r="DA24" s="192"/>
      <c r="DB24" s="140"/>
      <c r="DC24" s="140"/>
    </row>
    <row r="25" spans="1:107" s="103" customFormat="1" ht="21.75" customHeight="1" x14ac:dyDescent="0.2">
      <c r="A25" s="184"/>
      <c r="B25" s="631"/>
      <c r="C25" s="581"/>
      <c r="D25" s="581"/>
      <c r="E25" s="581"/>
      <c r="F25" s="581"/>
      <c r="G25" s="581"/>
      <c r="H25" s="581"/>
      <c r="I25" s="581"/>
      <c r="J25" s="581"/>
      <c r="K25" s="581"/>
      <c r="L25" s="581"/>
      <c r="M25" s="568"/>
      <c r="N25" s="568"/>
      <c r="O25" s="568"/>
      <c r="P25" s="568"/>
      <c r="Q25" s="568"/>
      <c r="R25" s="568"/>
      <c r="S25" s="568"/>
      <c r="T25" s="568"/>
      <c r="U25" s="568"/>
      <c r="V25" s="568"/>
      <c r="W25" s="568"/>
      <c r="X25" s="568"/>
      <c r="Y25" s="568"/>
      <c r="Z25" s="568"/>
      <c r="AA25" s="568"/>
      <c r="AB25" s="568"/>
      <c r="AC25" s="568"/>
      <c r="AD25" s="568"/>
      <c r="AE25" s="568"/>
      <c r="AF25" s="568"/>
      <c r="AG25" s="568"/>
      <c r="AH25" s="568"/>
      <c r="AI25" s="568"/>
      <c r="AJ25" s="568"/>
      <c r="AK25" s="568"/>
      <c r="AL25" s="568"/>
      <c r="AM25" s="568"/>
      <c r="AN25" s="568"/>
      <c r="AO25" s="568"/>
      <c r="AP25" s="568"/>
      <c r="AQ25" s="568"/>
      <c r="AR25" s="568"/>
      <c r="AS25" s="568"/>
      <c r="AT25" s="568"/>
      <c r="AU25" s="568"/>
      <c r="AV25" s="568"/>
      <c r="AW25" s="568"/>
      <c r="AX25" s="568"/>
      <c r="AY25" s="568"/>
      <c r="AZ25" s="568"/>
      <c r="BA25" s="568"/>
      <c r="BB25" s="568"/>
      <c r="BC25" s="568"/>
      <c r="BD25" s="568"/>
      <c r="BE25" s="568"/>
      <c r="BF25" s="568"/>
      <c r="BG25" s="581"/>
      <c r="BH25" s="581"/>
      <c r="BI25" s="581"/>
      <c r="BJ25" s="581"/>
      <c r="BK25" s="581"/>
      <c r="BL25" s="581"/>
      <c r="BM25" s="581"/>
      <c r="BN25" s="581"/>
      <c r="BO25" s="581"/>
      <c r="BP25" s="581"/>
      <c r="BQ25" s="581"/>
      <c r="BR25" s="581"/>
      <c r="BS25" s="581"/>
      <c r="BT25" s="581"/>
      <c r="BU25" s="581"/>
      <c r="BV25" s="581"/>
      <c r="BW25" s="581"/>
      <c r="BX25" s="581"/>
      <c r="BY25" s="581"/>
      <c r="BZ25" s="581"/>
      <c r="CA25" s="581"/>
      <c r="CB25" s="581"/>
      <c r="CC25" s="581"/>
      <c r="CD25" s="581"/>
      <c r="CE25" s="581"/>
      <c r="CF25" s="581"/>
      <c r="CG25" s="581"/>
      <c r="CH25" s="582"/>
      <c r="CI25" s="194"/>
      <c r="CJ25" s="194"/>
      <c r="CK25" s="192"/>
      <c r="CL25" s="192"/>
      <c r="CM25" s="192"/>
      <c r="CN25" s="192"/>
      <c r="CO25" s="192"/>
      <c r="CP25" s="192"/>
      <c r="CQ25" s="192"/>
      <c r="CR25" s="192"/>
      <c r="CS25" s="192"/>
      <c r="CT25" s="192"/>
      <c r="CU25" s="192"/>
      <c r="CV25" s="192"/>
      <c r="CW25" s="192"/>
      <c r="CX25" s="192"/>
      <c r="CY25" s="192"/>
      <c r="CZ25" s="192"/>
      <c r="DA25" s="192"/>
      <c r="DB25" s="140"/>
      <c r="DC25" s="140"/>
    </row>
    <row r="26" spans="1:107" s="103" customFormat="1" ht="16.05" customHeight="1" x14ac:dyDescent="0.2">
      <c r="A26" s="184"/>
      <c r="B26" s="628" t="s">
        <v>205</v>
      </c>
      <c r="C26" s="574"/>
      <c r="D26" s="574"/>
      <c r="E26" s="574"/>
      <c r="F26" s="574"/>
      <c r="G26" s="574"/>
      <c r="H26" s="574"/>
      <c r="I26" s="574"/>
      <c r="J26" s="574"/>
      <c r="K26" s="574" t="s">
        <v>222</v>
      </c>
      <c r="L26" s="574"/>
      <c r="M26" s="574"/>
      <c r="N26" s="574"/>
      <c r="O26" s="574"/>
      <c r="P26" s="574"/>
      <c r="Q26" s="590" t="s">
        <v>225</v>
      </c>
      <c r="R26" s="591"/>
      <c r="S26" s="591"/>
      <c r="T26" s="591"/>
      <c r="U26" s="591"/>
      <c r="V26" s="591"/>
      <c r="W26" s="591"/>
      <c r="X26" s="591"/>
      <c r="Y26" s="591"/>
      <c r="Z26" s="591"/>
      <c r="AA26" s="591"/>
      <c r="AB26" s="591"/>
      <c r="AC26" s="591"/>
      <c r="AD26" s="591"/>
      <c r="AE26" s="591"/>
      <c r="AF26" s="591"/>
      <c r="AG26" s="591"/>
      <c r="AH26" s="591"/>
      <c r="AI26" s="591"/>
      <c r="AJ26" s="591"/>
      <c r="AK26" s="591"/>
      <c r="AL26" s="591"/>
      <c r="AM26" s="591"/>
      <c r="AN26" s="592"/>
      <c r="AO26" s="590" t="s">
        <v>19</v>
      </c>
      <c r="AP26" s="591"/>
      <c r="AQ26" s="591"/>
      <c r="AR26" s="591"/>
      <c r="AS26" s="591"/>
      <c r="AT26" s="591"/>
      <c r="AU26" s="591"/>
      <c r="AV26" s="591"/>
      <c r="AW26" s="591"/>
      <c r="AX26" s="591"/>
      <c r="AY26" s="591"/>
      <c r="AZ26" s="592"/>
      <c r="BA26" s="250"/>
      <c r="BB26" s="250"/>
      <c r="BC26" s="250"/>
      <c r="BD26" s="250"/>
      <c r="BE26" s="250"/>
      <c r="BF26" s="243"/>
      <c r="BG26" s="243"/>
      <c r="BH26" s="243"/>
      <c r="BI26" s="243"/>
      <c r="BJ26" s="243"/>
      <c r="BK26" s="243"/>
      <c r="BL26" s="243"/>
      <c r="BM26" s="243"/>
      <c r="BN26" s="243"/>
      <c r="BO26" s="250"/>
      <c r="BP26" s="250"/>
      <c r="BQ26" s="250"/>
      <c r="BR26" s="250"/>
      <c r="BS26" s="250"/>
      <c r="BT26" s="250"/>
      <c r="BU26" s="250"/>
      <c r="BV26" s="250"/>
      <c r="BW26" s="250"/>
      <c r="BX26" s="250"/>
      <c r="BY26" s="250"/>
      <c r="BZ26" s="250"/>
      <c r="CA26" s="250"/>
      <c r="CB26" s="250"/>
      <c r="CC26" s="250"/>
      <c r="CD26" s="250"/>
      <c r="CE26" s="251"/>
      <c r="CF26" s="251"/>
      <c r="CG26" s="251"/>
      <c r="CH26" s="252"/>
      <c r="CI26" s="194"/>
      <c r="CJ26" s="194"/>
      <c r="CK26" s="192"/>
      <c r="CL26" s="192"/>
      <c r="CM26" s="192"/>
      <c r="CN26" s="192"/>
      <c r="CO26" s="192"/>
      <c r="CP26" s="192"/>
      <c r="CQ26" s="192"/>
      <c r="CR26" s="192"/>
      <c r="CS26" s="192"/>
      <c r="CT26" s="192"/>
      <c r="CU26" s="192"/>
      <c r="CV26" s="192"/>
      <c r="CW26" s="192"/>
      <c r="CX26" s="192"/>
      <c r="CY26" s="192"/>
      <c r="CZ26" s="192"/>
      <c r="DA26" s="192"/>
      <c r="DB26" s="140"/>
      <c r="DC26" s="140"/>
    </row>
    <row r="27" spans="1:107" s="103" customFormat="1" ht="16.05" customHeight="1" x14ac:dyDescent="0.2">
      <c r="A27" s="184"/>
      <c r="B27" s="628"/>
      <c r="C27" s="574"/>
      <c r="D27" s="574"/>
      <c r="E27" s="574"/>
      <c r="F27" s="574"/>
      <c r="G27" s="574"/>
      <c r="H27" s="574"/>
      <c r="I27" s="574"/>
      <c r="J27" s="574"/>
      <c r="K27" s="574"/>
      <c r="L27" s="574"/>
      <c r="M27" s="574"/>
      <c r="N27" s="574"/>
      <c r="O27" s="574"/>
      <c r="P27" s="574"/>
      <c r="Q27" s="593"/>
      <c r="R27" s="594"/>
      <c r="S27" s="594"/>
      <c r="T27" s="594"/>
      <c r="U27" s="594"/>
      <c r="V27" s="594"/>
      <c r="W27" s="594"/>
      <c r="X27" s="594"/>
      <c r="Y27" s="594"/>
      <c r="Z27" s="594"/>
      <c r="AA27" s="594"/>
      <c r="AB27" s="594"/>
      <c r="AC27" s="594"/>
      <c r="AD27" s="594"/>
      <c r="AE27" s="594"/>
      <c r="AF27" s="594"/>
      <c r="AG27" s="594"/>
      <c r="AH27" s="594"/>
      <c r="AI27" s="594"/>
      <c r="AJ27" s="594"/>
      <c r="AK27" s="594"/>
      <c r="AL27" s="594"/>
      <c r="AM27" s="594"/>
      <c r="AN27" s="595"/>
      <c r="AO27" s="593"/>
      <c r="AP27" s="594"/>
      <c r="AQ27" s="594"/>
      <c r="AR27" s="594"/>
      <c r="AS27" s="594"/>
      <c r="AT27" s="594"/>
      <c r="AU27" s="594"/>
      <c r="AV27" s="594"/>
      <c r="AW27" s="594"/>
      <c r="AX27" s="594"/>
      <c r="AY27" s="594"/>
      <c r="AZ27" s="595"/>
      <c r="BA27" s="250"/>
      <c r="BB27" s="250"/>
      <c r="BC27" s="250"/>
      <c r="BD27" s="250"/>
      <c r="BE27" s="250"/>
      <c r="BF27" s="243"/>
      <c r="BG27" s="243"/>
      <c r="BH27" s="243"/>
      <c r="BI27" s="243"/>
      <c r="BJ27" s="243"/>
      <c r="BK27" s="243"/>
      <c r="BL27" s="243"/>
      <c r="BM27" s="243"/>
      <c r="BN27" s="243"/>
      <c r="BO27" s="250"/>
      <c r="BP27" s="250"/>
      <c r="BQ27" s="250"/>
      <c r="BR27" s="250"/>
      <c r="BS27" s="250"/>
      <c r="BT27" s="250"/>
      <c r="BU27" s="250"/>
      <c r="BV27" s="250"/>
      <c r="BW27" s="250"/>
      <c r="BX27" s="250"/>
      <c r="BY27" s="250"/>
      <c r="BZ27" s="250"/>
      <c r="CA27" s="250"/>
      <c r="CB27" s="250"/>
      <c r="CC27" s="250"/>
      <c r="CD27" s="250"/>
      <c r="CE27" s="251"/>
      <c r="CF27" s="251"/>
      <c r="CG27" s="251"/>
      <c r="CH27" s="252"/>
      <c r="CI27" s="194"/>
      <c r="CJ27" s="194"/>
      <c r="CK27" s="192"/>
      <c r="CL27" s="192"/>
      <c r="CM27" s="192"/>
      <c r="CN27" s="192"/>
      <c r="CO27" s="192"/>
      <c r="CP27" s="192"/>
      <c r="CQ27" s="192"/>
      <c r="CR27" s="192"/>
      <c r="CS27" s="192"/>
      <c r="CT27" s="192"/>
      <c r="CU27" s="192"/>
      <c r="CV27" s="192"/>
      <c r="CW27" s="192"/>
      <c r="CX27" s="192"/>
      <c r="CY27" s="192"/>
      <c r="CZ27" s="192"/>
      <c r="DA27" s="192"/>
      <c r="DB27" s="140"/>
      <c r="DC27" s="140"/>
    </row>
    <row r="28" spans="1:107" s="103" customFormat="1" ht="23.25" customHeight="1" x14ac:dyDescent="0.2">
      <c r="A28" s="184"/>
      <c r="B28" s="631" t="s">
        <v>217</v>
      </c>
      <c r="C28" s="568"/>
      <c r="D28" s="568"/>
      <c r="E28" s="568"/>
      <c r="F28" s="568"/>
      <c r="G28" s="568"/>
      <c r="H28" s="568"/>
      <c r="I28" s="568"/>
      <c r="J28" s="568"/>
      <c r="K28" s="568"/>
      <c r="L28" s="568"/>
      <c r="M28" s="568"/>
      <c r="N28" s="568"/>
      <c r="O28" s="568"/>
      <c r="P28" s="568"/>
      <c r="Q28" s="611"/>
      <c r="R28" s="612"/>
      <c r="S28" s="612"/>
      <c r="T28" s="612"/>
      <c r="U28" s="612"/>
      <c r="V28" s="612"/>
      <c r="W28" s="612"/>
      <c r="X28" s="612"/>
      <c r="Y28" s="612"/>
      <c r="Z28" s="612"/>
      <c r="AA28" s="612"/>
      <c r="AB28" s="612"/>
      <c r="AC28" s="612"/>
      <c r="AD28" s="612"/>
      <c r="AE28" s="612"/>
      <c r="AF28" s="612"/>
      <c r="AG28" s="612"/>
      <c r="AH28" s="612"/>
      <c r="AI28" s="620" t="s">
        <v>226</v>
      </c>
      <c r="AJ28" s="620"/>
      <c r="AK28" s="620"/>
      <c r="AL28" s="620"/>
      <c r="AM28" s="620"/>
      <c r="AN28" s="621"/>
      <c r="AO28" s="611"/>
      <c r="AP28" s="612"/>
      <c r="AQ28" s="612"/>
      <c r="AR28" s="587"/>
      <c r="AS28" s="587"/>
      <c r="AT28" s="587"/>
      <c r="AU28" s="587"/>
      <c r="AV28" s="587"/>
      <c r="AW28" s="587"/>
      <c r="AX28" s="583"/>
      <c r="AY28" s="583"/>
      <c r="AZ28" s="584"/>
      <c r="BA28" s="250"/>
      <c r="BB28" s="250"/>
      <c r="BC28" s="250"/>
      <c r="BD28" s="250"/>
      <c r="BE28" s="250"/>
      <c r="BF28" s="243"/>
      <c r="BG28" s="243"/>
      <c r="BH28" s="243"/>
      <c r="BI28" s="243"/>
      <c r="BJ28" s="243"/>
      <c r="BK28" s="243"/>
      <c r="BL28" s="243"/>
      <c r="BM28" s="243"/>
      <c r="BN28" s="243"/>
      <c r="BO28" s="250"/>
      <c r="BP28" s="250"/>
      <c r="BQ28" s="250"/>
      <c r="BR28" s="250"/>
      <c r="BS28" s="250"/>
      <c r="BT28" s="250"/>
      <c r="BU28" s="250"/>
      <c r="BV28" s="250"/>
      <c r="BW28" s="250"/>
      <c r="BX28" s="250"/>
      <c r="BY28" s="250"/>
      <c r="BZ28" s="250"/>
      <c r="CA28" s="250"/>
      <c r="CB28" s="250"/>
      <c r="CC28" s="250"/>
      <c r="CD28" s="250"/>
      <c r="CE28" s="251"/>
      <c r="CF28" s="251"/>
      <c r="CG28" s="251"/>
      <c r="CH28" s="252"/>
      <c r="CI28" s="194"/>
      <c r="CJ28" s="194"/>
      <c r="CK28" s="192"/>
      <c r="CL28" s="192"/>
      <c r="CM28" s="192"/>
      <c r="CN28" s="192"/>
      <c r="CO28" s="192"/>
      <c r="CP28" s="192"/>
      <c r="CQ28" s="192"/>
      <c r="CR28" s="192"/>
      <c r="CS28" s="192"/>
      <c r="CT28" s="192"/>
      <c r="CU28" s="192"/>
      <c r="CV28" s="192"/>
      <c r="CW28" s="192"/>
      <c r="CX28" s="192"/>
      <c r="CY28" s="192"/>
      <c r="CZ28" s="192"/>
      <c r="DA28" s="192"/>
      <c r="DB28" s="140"/>
      <c r="DC28" s="140"/>
    </row>
    <row r="29" spans="1:107" s="103" customFormat="1" ht="23.25" customHeight="1" x14ac:dyDescent="0.2">
      <c r="A29" s="184"/>
      <c r="B29" s="641"/>
      <c r="C29" s="568"/>
      <c r="D29" s="568"/>
      <c r="E29" s="568"/>
      <c r="F29" s="568"/>
      <c r="G29" s="568"/>
      <c r="H29" s="568"/>
      <c r="I29" s="568"/>
      <c r="J29" s="568"/>
      <c r="K29" s="568"/>
      <c r="L29" s="568"/>
      <c r="M29" s="568"/>
      <c r="N29" s="568"/>
      <c r="O29" s="568"/>
      <c r="P29" s="568"/>
      <c r="Q29" s="614"/>
      <c r="R29" s="615"/>
      <c r="S29" s="615"/>
      <c r="T29" s="615"/>
      <c r="U29" s="615"/>
      <c r="V29" s="615"/>
      <c r="W29" s="615"/>
      <c r="X29" s="615"/>
      <c r="Y29" s="615"/>
      <c r="Z29" s="615"/>
      <c r="AA29" s="615"/>
      <c r="AB29" s="615"/>
      <c r="AC29" s="615"/>
      <c r="AD29" s="615"/>
      <c r="AE29" s="615"/>
      <c r="AF29" s="615"/>
      <c r="AG29" s="615"/>
      <c r="AH29" s="615"/>
      <c r="AI29" s="598" t="s">
        <v>227</v>
      </c>
      <c r="AJ29" s="598"/>
      <c r="AK29" s="598"/>
      <c r="AL29" s="598"/>
      <c r="AM29" s="598"/>
      <c r="AN29" s="599"/>
      <c r="AO29" s="614"/>
      <c r="AP29" s="615"/>
      <c r="AQ29" s="615"/>
      <c r="AR29" s="588"/>
      <c r="AS29" s="588"/>
      <c r="AT29" s="588"/>
      <c r="AU29" s="588"/>
      <c r="AV29" s="588"/>
      <c r="AW29" s="588"/>
      <c r="AX29" s="575"/>
      <c r="AY29" s="575"/>
      <c r="AZ29" s="585"/>
      <c r="BA29" s="250"/>
      <c r="BB29" s="250"/>
      <c r="BC29" s="250"/>
      <c r="BD29" s="250"/>
      <c r="BE29" s="250"/>
      <c r="BF29" s="243"/>
      <c r="BG29" s="243"/>
      <c r="BH29" s="243"/>
      <c r="BI29" s="243"/>
      <c r="BJ29" s="243"/>
      <c r="BK29" s="243"/>
      <c r="BL29" s="243"/>
      <c r="BM29" s="243"/>
      <c r="BN29" s="243"/>
      <c r="BO29" s="250"/>
      <c r="BP29" s="250"/>
      <c r="BQ29" s="250"/>
      <c r="BR29" s="250"/>
      <c r="BS29" s="250"/>
      <c r="BT29" s="250"/>
      <c r="BU29" s="250"/>
      <c r="BV29" s="250"/>
      <c r="BW29" s="250"/>
      <c r="BX29" s="250"/>
      <c r="BY29" s="250"/>
      <c r="BZ29" s="250"/>
      <c r="CA29" s="250"/>
      <c r="CB29" s="250"/>
      <c r="CC29" s="250"/>
      <c r="CD29" s="250"/>
      <c r="CE29" s="251"/>
      <c r="CF29" s="251"/>
      <c r="CG29" s="251"/>
      <c r="CH29" s="252"/>
      <c r="CI29" s="194"/>
      <c r="CJ29" s="194"/>
      <c r="CK29" s="192"/>
      <c r="CL29" s="192"/>
      <c r="CM29" s="192"/>
      <c r="CN29" s="192"/>
      <c r="CO29" s="192"/>
      <c r="CP29" s="192"/>
      <c r="CQ29" s="192"/>
      <c r="CR29" s="192"/>
      <c r="CS29" s="192"/>
      <c r="CT29" s="192"/>
      <c r="CU29" s="192"/>
      <c r="CV29" s="192"/>
      <c r="CW29" s="192"/>
      <c r="CX29" s="192"/>
      <c r="CY29" s="192"/>
      <c r="CZ29" s="192"/>
      <c r="DA29" s="192"/>
      <c r="DB29" s="140"/>
      <c r="DC29" s="140"/>
    </row>
    <row r="30" spans="1:107" s="103" customFormat="1" ht="23.25" customHeight="1" x14ac:dyDescent="0.2">
      <c r="A30" s="184"/>
      <c r="B30" s="641"/>
      <c r="C30" s="568"/>
      <c r="D30" s="568"/>
      <c r="E30" s="568"/>
      <c r="F30" s="568"/>
      <c r="G30" s="568"/>
      <c r="H30" s="568"/>
      <c r="I30" s="568"/>
      <c r="J30" s="568"/>
      <c r="K30" s="568"/>
      <c r="L30" s="568"/>
      <c r="M30" s="568"/>
      <c r="N30" s="568"/>
      <c r="O30" s="568"/>
      <c r="P30" s="568"/>
      <c r="Q30" s="617"/>
      <c r="R30" s="618"/>
      <c r="S30" s="618"/>
      <c r="T30" s="618"/>
      <c r="U30" s="618"/>
      <c r="V30" s="618"/>
      <c r="W30" s="618"/>
      <c r="X30" s="618"/>
      <c r="Y30" s="618"/>
      <c r="Z30" s="618"/>
      <c r="AA30" s="618"/>
      <c r="AB30" s="618"/>
      <c r="AC30" s="618"/>
      <c r="AD30" s="618"/>
      <c r="AE30" s="618"/>
      <c r="AF30" s="618"/>
      <c r="AG30" s="618"/>
      <c r="AH30" s="618"/>
      <c r="AI30" s="596" t="s">
        <v>228</v>
      </c>
      <c r="AJ30" s="596"/>
      <c r="AK30" s="596"/>
      <c r="AL30" s="596"/>
      <c r="AM30" s="596"/>
      <c r="AN30" s="597"/>
      <c r="AO30" s="617"/>
      <c r="AP30" s="618"/>
      <c r="AQ30" s="618"/>
      <c r="AR30" s="589"/>
      <c r="AS30" s="589"/>
      <c r="AT30" s="589"/>
      <c r="AU30" s="589"/>
      <c r="AV30" s="589"/>
      <c r="AW30" s="589"/>
      <c r="AX30" s="576"/>
      <c r="AY30" s="576"/>
      <c r="AZ30" s="586"/>
      <c r="BA30" s="250"/>
      <c r="BB30" s="250"/>
      <c r="BC30" s="250"/>
      <c r="BD30" s="250"/>
      <c r="BE30" s="250"/>
      <c r="BF30" s="243"/>
      <c r="BG30" s="243"/>
      <c r="BH30" s="243"/>
      <c r="BI30" s="243"/>
      <c r="BJ30" s="243"/>
      <c r="BK30" s="243"/>
      <c r="BL30" s="243"/>
      <c r="BM30" s="243"/>
      <c r="BN30" s="243"/>
      <c r="BO30" s="250"/>
      <c r="BP30" s="250"/>
      <c r="BQ30" s="250"/>
      <c r="BR30" s="250"/>
      <c r="BS30" s="250"/>
      <c r="BT30" s="250"/>
      <c r="BU30" s="250"/>
      <c r="BV30" s="250"/>
      <c r="BW30" s="250"/>
      <c r="BX30" s="250"/>
      <c r="BY30" s="250"/>
      <c r="BZ30" s="250"/>
      <c r="CA30" s="250"/>
      <c r="CB30" s="250"/>
      <c r="CC30" s="250"/>
      <c r="CD30" s="250"/>
      <c r="CE30" s="251"/>
      <c r="CF30" s="251"/>
      <c r="CG30" s="251"/>
      <c r="CH30" s="252"/>
      <c r="CI30" s="194"/>
      <c r="CJ30" s="194"/>
      <c r="CK30" s="192"/>
      <c r="CL30" s="192"/>
      <c r="CM30" s="192"/>
      <c r="CN30" s="192"/>
      <c r="CO30" s="192"/>
      <c r="CP30" s="192"/>
      <c r="CQ30" s="192"/>
      <c r="CR30" s="192"/>
      <c r="CS30" s="192"/>
      <c r="CT30" s="192"/>
      <c r="CU30" s="192"/>
      <c r="CV30" s="192"/>
      <c r="CW30" s="192"/>
      <c r="CX30" s="192"/>
      <c r="CY30" s="192"/>
      <c r="CZ30" s="192"/>
      <c r="DA30" s="192"/>
      <c r="DB30" s="140"/>
      <c r="DC30" s="140"/>
    </row>
    <row r="31" spans="1:107" s="103" customFormat="1" ht="45.75" customHeight="1" x14ac:dyDescent="0.2">
      <c r="A31" s="184"/>
      <c r="B31" s="574" t="s">
        <v>20</v>
      </c>
      <c r="C31" s="574"/>
      <c r="D31" s="574"/>
      <c r="E31" s="574"/>
      <c r="F31" s="574"/>
      <c r="G31" s="574"/>
      <c r="H31" s="574"/>
      <c r="I31" s="574"/>
      <c r="J31" s="574"/>
      <c r="K31" s="574" t="s">
        <v>84</v>
      </c>
      <c r="L31" s="574"/>
      <c r="M31" s="574"/>
      <c r="N31" s="574"/>
      <c r="O31" s="574"/>
      <c r="P31" s="574"/>
      <c r="Q31" s="574"/>
      <c r="R31" s="574"/>
      <c r="S31" s="574"/>
      <c r="T31" s="574"/>
      <c r="U31" s="574"/>
      <c r="V31" s="574"/>
      <c r="W31" s="574"/>
      <c r="X31" s="574"/>
      <c r="Y31" s="574"/>
      <c r="Z31" s="574" t="s">
        <v>18</v>
      </c>
      <c r="AA31" s="574"/>
      <c r="AB31" s="574"/>
      <c r="AC31" s="574"/>
      <c r="AD31" s="574"/>
      <c r="AE31" s="574"/>
      <c r="AF31" s="574"/>
      <c r="AG31" s="574"/>
      <c r="AH31" s="574"/>
      <c r="AI31" s="574"/>
      <c r="AJ31" s="574"/>
      <c r="AK31" s="574"/>
      <c r="AL31" s="574"/>
      <c r="AM31" s="574"/>
      <c r="AN31" s="574"/>
      <c r="AO31" s="574"/>
      <c r="AP31" s="574"/>
      <c r="AQ31" s="574"/>
      <c r="AR31" s="574"/>
      <c r="AS31" s="574"/>
      <c r="AT31" s="574"/>
      <c r="AU31" s="600" t="s">
        <v>224</v>
      </c>
      <c r="AV31" s="600"/>
      <c r="AW31" s="600"/>
      <c r="AX31" s="600"/>
      <c r="AY31" s="600"/>
      <c r="AZ31" s="600"/>
      <c r="BA31" s="600"/>
      <c r="BB31" s="600"/>
      <c r="BC31" s="600"/>
      <c r="BD31" s="600"/>
      <c r="BE31" s="566"/>
      <c r="BF31" s="566"/>
      <c r="BG31" s="566"/>
      <c r="BH31" s="566"/>
      <c r="BI31" s="566"/>
      <c r="BJ31" s="566"/>
      <c r="BK31" s="566"/>
      <c r="BL31" s="566"/>
      <c r="BM31" s="566"/>
      <c r="BN31" s="566"/>
      <c r="BO31" s="566"/>
      <c r="BP31" s="566"/>
      <c r="BQ31" s="566"/>
      <c r="BR31" s="566"/>
      <c r="BS31" s="566"/>
      <c r="BT31" s="566"/>
      <c r="BU31" s="566"/>
      <c r="BV31" s="566"/>
      <c r="BW31" s="566"/>
      <c r="BX31" s="566"/>
      <c r="BY31" s="566"/>
      <c r="BZ31" s="566"/>
      <c r="CA31" s="566"/>
      <c r="CB31" s="566"/>
      <c r="CC31" s="655" t="s">
        <v>137</v>
      </c>
      <c r="CD31" s="605"/>
      <c r="CE31" s="605"/>
      <c r="CF31" s="605"/>
      <c r="CG31" s="605"/>
      <c r="CH31" s="606"/>
      <c r="CI31" s="194"/>
      <c r="CJ31" s="194"/>
      <c r="CK31" s="192"/>
      <c r="CL31" s="192"/>
      <c r="CM31" s="192"/>
      <c r="CN31" s="192"/>
      <c r="CO31" s="192"/>
      <c r="CP31" s="192"/>
      <c r="CQ31" s="192"/>
      <c r="CR31" s="192"/>
      <c r="CS31" s="192"/>
      <c r="CT31" s="192"/>
      <c r="CU31" s="192"/>
      <c r="CV31" s="192"/>
      <c r="CW31" s="192"/>
      <c r="CX31" s="192"/>
      <c r="CY31" s="192"/>
      <c r="CZ31" s="192"/>
      <c r="DA31" s="192"/>
      <c r="DB31" s="140"/>
      <c r="DC31" s="140"/>
    </row>
    <row r="32" spans="1:107" s="103" customFormat="1" ht="23.25" customHeight="1" x14ac:dyDescent="0.2">
      <c r="A32" s="184"/>
      <c r="B32" s="632"/>
      <c r="C32" s="615"/>
      <c r="D32" s="615"/>
      <c r="E32" s="642"/>
      <c r="F32" s="615"/>
      <c r="G32" s="643"/>
      <c r="H32" s="615"/>
      <c r="I32" s="615"/>
      <c r="J32" s="615"/>
      <c r="K32" s="614" t="s">
        <v>223</v>
      </c>
      <c r="L32" s="615"/>
      <c r="M32" s="615"/>
      <c r="N32" s="615"/>
      <c r="O32" s="615"/>
      <c r="P32" s="615"/>
      <c r="Q32" s="615"/>
      <c r="R32" s="615"/>
      <c r="S32" s="615"/>
      <c r="T32" s="615"/>
      <c r="U32" s="615"/>
      <c r="V32" s="615"/>
      <c r="W32" s="615"/>
      <c r="X32" s="615"/>
      <c r="Y32" s="616"/>
      <c r="Z32" s="615"/>
      <c r="AA32" s="615"/>
      <c r="AB32" s="615"/>
      <c r="AC32" s="577"/>
      <c r="AD32" s="577"/>
      <c r="AE32" s="577"/>
      <c r="AF32" s="577"/>
      <c r="AG32" s="577"/>
      <c r="AH32" s="577"/>
      <c r="AI32" s="577"/>
      <c r="AJ32" s="577"/>
      <c r="AK32" s="577"/>
      <c r="AL32" s="577"/>
      <c r="AM32" s="577"/>
      <c r="AN32" s="577"/>
      <c r="AO32" s="577"/>
      <c r="AP32" s="577"/>
      <c r="AQ32" s="577"/>
      <c r="AR32" s="575"/>
      <c r="AS32" s="575"/>
      <c r="AT32" s="575"/>
      <c r="AU32" s="601" t="s">
        <v>21</v>
      </c>
      <c r="AV32" s="602"/>
      <c r="AW32" s="602"/>
      <c r="AX32" s="602"/>
      <c r="AY32" s="602"/>
      <c r="AZ32" s="602"/>
      <c r="BA32" s="602"/>
      <c r="BB32" s="602"/>
      <c r="BC32" s="602"/>
      <c r="BD32" s="603"/>
      <c r="BE32" s="575"/>
      <c r="BF32" s="575"/>
      <c r="BG32" s="575"/>
      <c r="BH32" s="575"/>
      <c r="BI32" s="575"/>
      <c r="BJ32" s="575"/>
      <c r="BK32" s="575"/>
      <c r="BL32" s="575"/>
      <c r="BM32" s="575"/>
      <c r="BN32" s="575"/>
      <c r="BO32" s="575"/>
      <c r="BP32" s="575"/>
      <c r="BQ32" s="575"/>
      <c r="BR32" s="575"/>
      <c r="BS32" s="575"/>
      <c r="BT32" s="575"/>
      <c r="BU32" s="575"/>
      <c r="BV32" s="575"/>
      <c r="BW32" s="575"/>
      <c r="BX32" s="575"/>
      <c r="BY32" s="575"/>
      <c r="BZ32" s="575"/>
      <c r="CA32" s="575"/>
      <c r="CB32" s="575"/>
      <c r="CC32" s="622"/>
      <c r="CD32" s="583"/>
      <c r="CE32" s="583"/>
      <c r="CF32" s="583"/>
      <c r="CG32" s="583"/>
      <c r="CH32" s="623"/>
      <c r="CI32" s="194"/>
      <c r="CJ32" s="194"/>
      <c r="CK32" s="192"/>
      <c r="CL32" s="192"/>
      <c r="CM32" s="192"/>
      <c r="CN32" s="192"/>
      <c r="CO32" s="192"/>
      <c r="CP32" s="192"/>
      <c r="CQ32" s="192"/>
      <c r="CR32" s="192"/>
      <c r="CS32" s="192"/>
      <c r="CT32" s="192"/>
      <c r="CU32" s="192"/>
      <c r="CV32" s="192"/>
      <c r="CW32" s="192"/>
      <c r="CX32" s="192"/>
      <c r="CY32" s="192"/>
      <c r="CZ32" s="192"/>
      <c r="DA32" s="192"/>
      <c r="DB32" s="140"/>
      <c r="DC32" s="140"/>
    </row>
    <row r="33" spans="1:107" s="103" customFormat="1" ht="23.25" customHeight="1" x14ac:dyDescent="0.2">
      <c r="A33" s="184"/>
      <c r="B33" s="632"/>
      <c r="C33" s="615"/>
      <c r="D33" s="615"/>
      <c r="E33" s="642"/>
      <c r="F33" s="615"/>
      <c r="G33" s="643"/>
      <c r="H33" s="615"/>
      <c r="I33" s="615"/>
      <c r="J33" s="615"/>
      <c r="K33" s="614"/>
      <c r="L33" s="615"/>
      <c r="M33" s="615"/>
      <c r="N33" s="615"/>
      <c r="O33" s="615"/>
      <c r="P33" s="615"/>
      <c r="Q33" s="615"/>
      <c r="R33" s="615"/>
      <c r="S33" s="615"/>
      <c r="T33" s="615"/>
      <c r="U33" s="615"/>
      <c r="V33" s="615"/>
      <c r="W33" s="615"/>
      <c r="X33" s="615"/>
      <c r="Y33" s="616"/>
      <c r="Z33" s="615"/>
      <c r="AA33" s="615"/>
      <c r="AB33" s="615"/>
      <c r="AC33" s="577"/>
      <c r="AD33" s="577"/>
      <c r="AE33" s="577"/>
      <c r="AF33" s="577"/>
      <c r="AG33" s="577"/>
      <c r="AH33" s="577"/>
      <c r="AI33" s="577"/>
      <c r="AJ33" s="577"/>
      <c r="AK33" s="577"/>
      <c r="AL33" s="577"/>
      <c r="AM33" s="577"/>
      <c r="AN33" s="577"/>
      <c r="AO33" s="577"/>
      <c r="AP33" s="577"/>
      <c r="AQ33" s="577"/>
      <c r="AR33" s="575"/>
      <c r="AS33" s="575"/>
      <c r="AT33" s="575"/>
      <c r="AU33" s="604"/>
      <c r="AV33" s="605"/>
      <c r="AW33" s="605"/>
      <c r="AX33" s="605"/>
      <c r="AY33" s="605"/>
      <c r="AZ33" s="605"/>
      <c r="BA33" s="605"/>
      <c r="BB33" s="605"/>
      <c r="BC33" s="605"/>
      <c r="BD33" s="606"/>
      <c r="BE33" s="575"/>
      <c r="BF33" s="575"/>
      <c r="BG33" s="575"/>
      <c r="BH33" s="575"/>
      <c r="BI33" s="575"/>
      <c r="BJ33" s="575"/>
      <c r="BK33" s="575"/>
      <c r="BL33" s="575"/>
      <c r="BM33" s="575"/>
      <c r="BN33" s="575"/>
      <c r="BO33" s="575"/>
      <c r="BP33" s="575"/>
      <c r="BQ33" s="575"/>
      <c r="BR33" s="575"/>
      <c r="BS33" s="575"/>
      <c r="BT33" s="575"/>
      <c r="BU33" s="575"/>
      <c r="BV33" s="575"/>
      <c r="BW33" s="575"/>
      <c r="BX33" s="575"/>
      <c r="BY33" s="575"/>
      <c r="BZ33" s="575"/>
      <c r="CA33" s="575"/>
      <c r="CB33" s="575"/>
      <c r="CC33" s="624"/>
      <c r="CD33" s="575"/>
      <c r="CE33" s="575"/>
      <c r="CF33" s="575"/>
      <c r="CG33" s="575"/>
      <c r="CH33" s="625"/>
      <c r="CI33" s="194"/>
      <c r="CJ33" s="194"/>
      <c r="CK33" s="192"/>
      <c r="CL33" s="192"/>
      <c r="CM33" s="192"/>
      <c r="CN33" s="192"/>
      <c r="CO33" s="192"/>
      <c r="CP33" s="192"/>
      <c r="CQ33" s="192"/>
      <c r="CR33" s="192"/>
      <c r="CS33" s="192"/>
      <c r="CT33" s="192"/>
      <c r="CU33" s="192"/>
      <c r="CV33" s="192"/>
      <c r="CW33" s="192"/>
      <c r="CX33" s="192"/>
      <c r="CY33" s="192"/>
      <c r="CZ33" s="192"/>
      <c r="DA33" s="192"/>
      <c r="DB33" s="140"/>
      <c r="DC33" s="140"/>
    </row>
    <row r="34" spans="1:107" s="103" customFormat="1" ht="23.25" customHeight="1" x14ac:dyDescent="0.2">
      <c r="A34" s="184"/>
      <c r="B34" s="633"/>
      <c r="C34" s="618"/>
      <c r="D34" s="618"/>
      <c r="E34" s="644"/>
      <c r="F34" s="618"/>
      <c r="G34" s="645"/>
      <c r="H34" s="618"/>
      <c r="I34" s="618"/>
      <c r="J34" s="618"/>
      <c r="K34" s="617"/>
      <c r="L34" s="618"/>
      <c r="M34" s="618"/>
      <c r="N34" s="618"/>
      <c r="O34" s="618"/>
      <c r="P34" s="618"/>
      <c r="Q34" s="618"/>
      <c r="R34" s="618"/>
      <c r="S34" s="618"/>
      <c r="T34" s="618"/>
      <c r="U34" s="618"/>
      <c r="V34" s="618"/>
      <c r="W34" s="618"/>
      <c r="X34" s="618"/>
      <c r="Y34" s="619"/>
      <c r="Z34" s="618"/>
      <c r="AA34" s="618"/>
      <c r="AB34" s="618"/>
      <c r="AC34" s="578"/>
      <c r="AD34" s="578"/>
      <c r="AE34" s="578"/>
      <c r="AF34" s="578"/>
      <c r="AG34" s="578"/>
      <c r="AH34" s="578"/>
      <c r="AI34" s="578"/>
      <c r="AJ34" s="578"/>
      <c r="AK34" s="578"/>
      <c r="AL34" s="578"/>
      <c r="AM34" s="578"/>
      <c r="AN34" s="578"/>
      <c r="AO34" s="578"/>
      <c r="AP34" s="578"/>
      <c r="AQ34" s="578"/>
      <c r="AR34" s="576"/>
      <c r="AS34" s="576"/>
      <c r="AT34" s="576"/>
      <c r="AU34" s="607"/>
      <c r="AV34" s="608"/>
      <c r="AW34" s="608"/>
      <c r="AX34" s="608"/>
      <c r="AY34" s="608"/>
      <c r="AZ34" s="608"/>
      <c r="BA34" s="608"/>
      <c r="BB34" s="608"/>
      <c r="BC34" s="608"/>
      <c r="BD34" s="609"/>
      <c r="BE34" s="576"/>
      <c r="BF34" s="576"/>
      <c r="BG34" s="576"/>
      <c r="BH34" s="576"/>
      <c r="BI34" s="576"/>
      <c r="BJ34" s="576"/>
      <c r="BK34" s="576"/>
      <c r="BL34" s="576"/>
      <c r="BM34" s="576"/>
      <c r="BN34" s="576"/>
      <c r="BO34" s="576"/>
      <c r="BP34" s="576"/>
      <c r="BQ34" s="576"/>
      <c r="BR34" s="576"/>
      <c r="BS34" s="576"/>
      <c r="BT34" s="576"/>
      <c r="BU34" s="576"/>
      <c r="BV34" s="576"/>
      <c r="BW34" s="576"/>
      <c r="BX34" s="576"/>
      <c r="BY34" s="576"/>
      <c r="BZ34" s="576"/>
      <c r="CA34" s="576"/>
      <c r="CB34" s="576"/>
      <c r="CC34" s="626"/>
      <c r="CD34" s="576"/>
      <c r="CE34" s="576"/>
      <c r="CF34" s="576"/>
      <c r="CG34" s="576"/>
      <c r="CH34" s="627"/>
      <c r="CI34" s="194"/>
      <c r="CJ34" s="194"/>
      <c r="CK34" s="192"/>
      <c r="CL34" s="192"/>
      <c r="CM34" s="192"/>
      <c r="CN34" s="192"/>
      <c r="CO34" s="192"/>
      <c r="CP34" s="192"/>
      <c r="CQ34" s="192"/>
      <c r="CR34" s="192"/>
      <c r="CS34" s="192"/>
      <c r="CT34" s="192"/>
      <c r="CU34" s="192"/>
      <c r="CV34" s="192"/>
      <c r="CW34" s="192"/>
      <c r="CX34" s="192"/>
      <c r="CY34" s="192"/>
      <c r="CZ34" s="192"/>
      <c r="DA34" s="192"/>
      <c r="DB34" s="140"/>
      <c r="DC34" s="140"/>
    </row>
    <row r="35" spans="1:107" s="103" customFormat="1" ht="16.05" customHeight="1" x14ac:dyDescent="0.2">
      <c r="A35" s="184"/>
      <c r="B35" s="657" t="s">
        <v>208</v>
      </c>
      <c r="C35" s="591"/>
      <c r="D35" s="591"/>
      <c r="E35" s="591"/>
      <c r="F35" s="591"/>
      <c r="G35" s="591"/>
      <c r="H35" s="591"/>
      <c r="I35" s="591"/>
      <c r="J35" s="591"/>
      <c r="K35" s="591"/>
      <c r="L35" s="591"/>
      <c r="M35" s="591" t="s">
        <v>164</v>
      </c>
      <c r="N35" s="591"/>
      <c r="O35" s="591"/>
      <c r="P35" s="591"/>
      <c r="Q35" s="591"/>
      <c r="R35" s="591"/>
      <c r="S35" s="591"/>
      <c r="T35" s="591"/>
      <c r="U35" s="591"/>
      <c r="V35" s="591"/>
      <c r="W35" s="591"/>
      <c r="X35" s="591"/>
      <c r="Y35" s="591"/>
      <c r="Z35" s="591"/>
      <c r="AA35" s="591"/>
      <c r="AB35" s="591"/>
      <c r="AC35" s="591" t="s">
        <v>105</v>
      </c>
      <c r="AD35" s="591"/>
      <c r="AE35" s="591"/>
      <c r="AF35" s="591"/>
      <c r="AG35" s="591"/>
      <c r="AH35" s="591"/>
      <c r="AI35" s="591"/>
      <c r="AJ35" s="591"/>
      <c r="AK35" s="591"/>
      <c r="AL35" s="591"/>
      <c r="AM35" s="591"/>
      <c r="AN35" s="591"/>
      <c r="AO35" s="591"/>
      <c r="AP35" s="591"/>
      <c r="AQ35" s="591"/>
      <c r="AR35" s="591"/>
      <c r="AS35" s="591"/>
      <c r="AT35" s="591"/>
      <c r="AU35" s="591"/>
      <c r="AV35" s="591"/>
      <c r="AW35" s="591"/>
      <c r="AX35" s="591"/>
      <c r="AY35" s="591"/>
      <c r="AZ35" s="591"/>
      <c r="BA35" s="591"/>
      <c r="BB35" s="591"/>
      <c r="BC35" s="591"/>
      <c r="BD35" s="591"/>
      <c r="BE35" s="591"/>
      <c r="BF35" s="592"/>
      <c r="BG35" s="601" t="s">
        <v>209</v>
      </c>
      <c r="BH35" s="602"/>
      <c r="BI35" s="602"/>
      <c r="BJ35" s="602"/>
      <c r="BK35" s="602"/>
      <c r="BL35" s="602"/>
      <c r="BM35" s="602"/>
      <c r="BN35" s="602"/>
      <c r="BO35" s="602"/>
      <c r="BP35" s="602"/>
      <c r="BQ35" s="602"/>
      <c r="BR35" s="602"/>
      <c r="BS35" s="602"/>
      <c r="BT35" s="602"/>
      <c r="BU35" s="602"/>
      <c r="BV35" s="602"/>
      <c r="BW35" s="602"/>
      <c r="BX35" s="602"/>
      <c r="BY35" s="602"/>
      <c r="BZ35" s="602"/>
      <c r="CA35" s="602"/>
      <c r="CB35" s="602"/>
      <c r="CC35" s="602"/>
      <c r="CD35" s="602"/>
      <c r="CE35" s="602"/>
      <c r="CF35" s="602"/>
      <c r="CG35" s="602"/>
      <c r="CH35" s="646"/>
      <c r="CI35" s="194"/>
      <c r="CJ35" s="194"/>
      <c r="CK35" s="192"/>
      <c r="CL35" s="192"/>
      <c r="CM35" s="192"/>
      <c r="CN35" s="192"/>
      <c r="CO35" s="192"/>
      <c r="CP35" s="192"/>
      <c r="CQ35" s="192"/>
      <c r="CR35" s="192"/>
      <c r="CS35" s="192"/>
      <c r="CT35" s="192"/>
      <c r="CU35" s="192"/>
      <c r="CV35" s="192"/>
      <c r="CW35" s="192"/>
      <c r="CX35" s="192"/>
      <c r="CY35" s="192"/>
      <c r="CZ35" s="192"/>
      <c r="DA35" s="192"/>
      <c r="DB35" s="140"/>
      <c r="DC35" s="140"/>
    </row>
    <row r="36" spans="1:107" s="103" customFormat="1" ht="16.05" customHeight="1" x14ac:dyDescent="0.2">
      <c r="A36" s="184"/>
      <c r="B36" s="658"/>
      <c r="C36" s="659"/>
      <c r="D36" s="659"/>
      <c r="E36" s="659"/>
      <c r="F36" s="659"/>
      <c r="G36" s="659"/>
      <c r="H36" s="659"/>
      <c r="I36" s="659"/>
      <c r="J36" s="659"/>
      <c r="K36" s="594"/>
      <c r="L36" s="594"/>
      <c r="M36" s="594"/>
      <c r="N36" s="594"/>
      <c r="O36" s="594"/>
      <c r="P36" s="594"/>
      <c r="Q36" s="594"/>
      <c r="R36" s="594"/>
      <c r="S36" s="594"/>
      <c r="T36" s="594"/>
      <c r="U36" s="594"/>
      <c r="V36" s="594"/>
      <c r="W36" s="594"/>
      <c r="X36" s="594"/>
      <c r="Y36" s="594"/>
      <c r="Z36" s="594"/>
      <c r="AA36" s="594"/>
      <c r="AB36" s="594"/>
      <c r="AC36" s="594"/>
      <c r="AD36" s="594"/>
      <c r="AE36" s="594"/>
      <c r="AF36" s="594"/>
      <c r="AG36" s="594"/>
      <c r="AH36" s="594"/>
      <c r="AI36" s="594"/>
      <c r="AJ36" s="594"/>
      <c r="AK36" s="594"/>
      <c r="AL36" s="594"/>
      <c r="AM36" s="594"/>
      <c r="AN36" s="594"/>
      <c r="AO36" s="594"/>
      <c r="AP36" s="594"/>
      <c r="AQ36" s="594"/>
      <c r="AR36" s="594"/>
      <c r="AS36" s="594"/>
      <c r="AT36" s="594"/>
      <c r="AU36" s="594"/>
      <c r="AV36" s="594"/>
      <c r="AW36" s="594"/>
      <c r="AX36" s="594"/>
      <c r="AY36" s="594"/>
      <c r="AZ36" s="594"/>
      <c r="BA36" s="594"/>
      <c r="BB36" s="594"/>
      <c r="BC36" s="594"/>
      <c r="BD36" s="594"/>
      <c r="BE36" s="594"/>
      <c r="BF36" s="595"/>
      <c r="BG36" s="607"/>
      <c r="BH36" s="608"/>
      <c r="BI36" s="608"/>
      <c r="BJ36" s="608"/>
      <c r="BK36" s="608"/>
      <c r="BL36" s="608"/>
      <c r="BM36" s="608"/>
      <c r="BN36" s="608"/>
      <c r="BO36" s="608"/>
      <c r="BP36" s="608"/>
      <c r="BQ36" s="608"/>
      <c r="BR36" s="608"/>
      <c r="BS36" s="608"/>
      <c r="BT36" s="608"/>
      <c r="BU36" s="608"/>
      <c r="BV36" s="608"/>
      <c r="BW36" s="608"/>
      <c r="BX36" s="608"/>
      <c r="BY36" s="608"/>
      <c r="BZ36" s="608"/>
      <c r="CA36" s="608"/>
      <c r="CB36" s="608"/>
      <c r="CC36" s="608"/>
      <c r="CD36" s="608"/>
      <c r="CE36" s="608"/>
      <c r="CF36" s="608"/>
      <c r="CG36" s="608"/>
      <c r="CH36" s="647"/>
      <c r="CI36" s="194"/>
      <c r="CJ36" s="194"/>
      <c r="CK36" s="192"/>
      <c r="CL36" s="192"/>
      <c r="CM36" s="192"/>
      <c r="CN36" s="192"/>
      <c r="CO36" s="192"/>
      <c r="CP36" s="192"/>
      <c r="CQ36" s="192"/>
      <c r="CR36" s="192"/>
      <c r="CS36" s="192"/>
      <c r="CT36" s="192"/>
      <c r="CU36" s="192"/>
      <c r="CV36" s="192"/>
      <c r="CW36" s="192"/>
      <c r="CX36" s="192"/>
      <c r="CY36" s="192"/>
      <c r="CZ36" s="192"/>
      <c r="DA36" s="192"/>
      <c r="DB36" s="140"/>
      <c r="DC36" s="140"/>
    </row>
    <row r="37" spans="1:107" s="103" customFormat="1" ht="16.05" customHeight="1" x14ac:dyDescent="0.2">
      <c r="A37" s="184"/>
      <c r="B37" s="658"/>
      <c r="C37" s="659"/>
      <c r="D37" s="659"/>
      <c r="E37" s="659"/>
      <c r="F37" s="659"/>
      <c r="G37" s="659"/>
      <c r="H37" s="659"/>
      <c r="I37" s="659"/>
      <c r="J37" s="660"/>
      <c r="K37" s="568">
        <v>1</v>
      </c>
      <c r="L37" s="568"/>
      <c r="M37" s="568"/>
      <c r="N37" s="568"/>
      <c r="O37" s="568"/>
      <c r="P37" s="568"/>
      <c r="Q37" s="568"/>
      <c r="R37" s="568"/>
      <c r="S37" s="568"/>
      <c r="T37" s="568"/>
      <c r="U37" s="568"/>
      <c r="V37" s="568"/>
      <c r="W37" s="568"/>
      <c r="X37" s="568"/>
      <c r="Y37" s="568"/>
      <c r="Z37" s="568"/>
      <c r="AA37" s="568"/>
      <c r="AB37" s="568"/>
      <c r="AC37" s="568" t="s">
        <v>211</v>
      </c>
      <c r="AD37" s="568"/>
      <c r="AE37" s="568"/>
      <c r="AF37" s="568"/>
      <c r="AG37" s="568"/>
      <c r="AH37" s="568"/>
      <c r="AI37" s="568"/>
      <c r="AJ37" s="568"/>
      <c r="AK37" s="568"/>
      <c r="AL37" s="568"/>
      <c r="AM37" s="568"/>
      <c r="AN37" s="568"/>
      <c r="AO37" s="568"/>
      <c r="AP37" s="568"/>
      <c r="AQ37" s="568"/>
      <c r="AR37" s="568"/>
      <c r="AS37" s="568"/>
      <c r="AT37" s="568"/>
      <c r="AU37" s="568"/>
      <c r="AV37" s="568"/>
      <c r="AW37" s="568"/>
      <c r="AX37" s="568"/>
      <c r="AY37" s="568"/>
      <c r="AZ37" s="568"/>
      <c r="BA37" s="568"/>
      <c r="BB37" s="568"/>
      <c r="BC37" s="568"/>
      <c r="BD37" s="568"/>
      <c r="BE37" s="568"/>
      <c r="BF37" s="568"/>
      <c r="BG37" s="566"/>
      <c r="BH37" s="566"/>
      <c r="BI37" s="566"/>
      <c r="BJ37" s="566"/>
      <c r="BK37" s="566"/>
      <c r="BL37" s="566"/>
      <c r="BM37" s="566"/>
      <c r="BN37" s="566"/>
      <c r="BO37" s="566"/>
      <c r="BP37" s="566"/>
      <c r="BQ37" s="566"/>
      <c r="BR37" s="566"/>
      <c r="BS37" s="566"/>
      <c r="BT37" s="566"/>
      <c r="BU37" s="566"/>
      <c r="BV37" s="566"/>
      <c r="BW37" s="566"/>
      <c r="BX37" s="566"/>
      <c r="BY37" s="566"/>
      <c r="BZ37" s="566"/>
      <c r="CA37" s="566"/>
      <c r="CB37" s="566"/>
      <c r="CC37" s="566"/>
      <c r="CD37" s="566"/>
      <c r="CE37" s="566"/>
      <c r="CF37" s="566"/>
      <c r="CG37" s="566"/>
      <c r="CH37" s="566"/>
      <c r="CI37" s="194"/>
      <c r="CJ37" s="194"/>
      <c r="CK37" s="192"/>
      <c r="CL37" s="192"/>
      <c r="CM37" s="192"/>
      <c r="CN37" s="192"/>
      <c r="CO37" s="192"/>
      <c r="CP37" s="192"/>
      <c r="CQ37" s="192"/>
      <c r="CR37" s="192"/>
      <c r="CS37" s="192"/>
      <c r="CT37" s="192"/>
      <c r="CU37" s="192"/>
      <c r="CV37" s="192"/>
      <c r="CW37" s="192"/>
      <c r="CX37" s="192"/>
      <c r="CY37" s="192"/>
      <c r="CZ37" s="192"/>
      <c r="DA37" s="192"/>
      <c r="DB37" s="140"/>
      <c r="DC37" s="140"/>
    </row>
    <row r="38" spans="1:107" s="103" customFormat="1" ht="16.05" customHeight="1" x14ac:dyDescent="0.2">
      <c r="A38" s="184"/>
      <c r="B38" s="658"/>
      <c r="C38" s="659"/>
      <c r="D38" s="659"/>
      <c r="E38" s="659"/>
      <c r="F38" s="659"/>
      <c r="G38" s="659"/>
      <c r="H38" s="659"/>
      <c r="I38" s="659"/>
      <c r="J38" s="660"/>
      <c r="K38" s="568"/>
      <c r="L38" s="568"/>
      <c r="M38" s="568"/>
      <c r="N38" s="568"/>
      <c r="O38" s="568"/>
      <c r="P38" s="568"/>
      <c r="Q38" s="568"/>
      <c r="R38" s="568"/>
      <c r="S38" s="568"/>
      <c r="T38" s="568"/>
      <c r="U38" s="568"/>
      <c r="V38" s="568"/>
      <c r="W38" s="568"/>
      <c r="X38" s="568"/>
      <c r="Y38" s="568"/>
      <c r="Z38" s="568"/>
      <c r="AA38" s="568"/>
      <c r="AB38" s="568"/>
      <c r="AC38" s="568"/>
      <c r="AD38" s="568"/>
      <c r="AE38" s="568"/>
      <c r="AF38" s="568"/>
      <c r="AG38" s="568"/>
      <c r="AH38" s="568"/>
      <c r="AI38" s="568"/>
      <c r="AJ38" s="568"/>
      <c r="AK38" s="568"/>
      <c r="AL38" s="568"/>
      <c r="AM38" s="568"/>
      <c r="AN38" s="568"/>
      <c r="AO38" s="568"/>
      <c r="AP38" s="568"/>
      <c r="AQ38" s="568"/>
      <c r="AR38" s="568"/>
      <c r="AS38" s="568"/>
      <c r="AT38" s="568"/>
      <c r="AU38" s="568"/>
      <c r="AV38" s="568"/>
      <c r="AW38" s="568"/>
      <c r="AX38" s="568"/>
      <c r="AY38" s="568"/>
      <c r="AZ38" s="568"/>
      <c r="BA38" s="568"/>
      <c r="BB38" s="568"/>
      <c r="BC38" s="568"/>
      <c r="BD38" s="568"/>
      <c r="BE38" s="568"/>
      <c r="BF38" s="568"/>
      <c r="BG38" s="566"/>
      <c r="BH38" s="566"/>
      <c r="BI38" s="566"/>
      <c r="BJ38" s="566"/>
      <c r="BK38" s="566"/>
      <c r="BL38" s="566"/>
      <c r="BM38" s="566"/>
      <c r="BN38" s="566"/>
      <c r="BO38" s="566"/>
      <c r="BP38" s="566"/>
      <c r="BQ38" s="566"/>
      <c r="BR38" s="566"/>
      <c r="BS38" s="566"/>
      <c r="BT38" s="566"/>
      <c r="BU38" s="566"/>
      <c r="BV38" s="566"/>
      <c r="BW38" s="566"/>
      <c r="BX38" s="566"/>
      <c r="BY38" s="566"/>
      <c r="BZ38" s="566"/>
      <c r="CA38" s="566"/>
      <c r="CB38" s="566"/>
      <c r="CC38" s="566"/>
      <c r="CD38" s="566"/>
      <c r="CE38" s="566"/>
      <c r="CF38" s="566"/>
      <c r="CG38" s="566"/>
      <c r="CH38" s="566"/>
      <c r="CI38" s="194"/>
      <c r="CJ38" s="194"/>
      <c r="CK38" s="192"/>
      <c r="CL38" s="192"/>
      <c r="CM38" s="192"/>
      <c r="CN38" s="192"/>
      <c r="CO38" s="192"/>
      <c r="CP38" s="192"/>
      <c r="CQ38" s="192"/>
      <c r="CR38" s="192"/>
      <c r="CS38" s="192"/>
      <c r="CT38" s="192"/>
      <c r="CU38" s="192"/>
      <c r="CV38" s="192"/>
      <c r="CW38" s="192"/>
      <c r="CX38" s="192"/>
      <c r="CY38" s="192"/>
      <c r="CZ38" s="192"/>
      <c r="DA38" s="192"/>
      <c r="DB38" s="140"/>
      <c r="DC38" s="140"/>
    </row>
    <row r="39" spans="1:107" s="103" customFormat="1" ht="16.05" customHeight="1" x14ac:dyDescent="0.2">
      <c r="A39" s="184"/>
      <c r="B39" s="658"/>
      <c r="C39" s="659"/>
      <c r="D39" s="659"/>
      <c r="E39" s="659"/>
      <c r="F39" s="659"/>
      <c r="G39" s="659"/>
      <c r="H39" s="659"/>
      <c r="I39" s="659"/>
      <c r="J39" s="660"/>
      <c r="K39" s="568">
        <v>2</v>
      </c>
      <c r="L39" s="568"/>
      <c r="M39" s="568"/>
      <c r="N39" s="568"/>
      <c r="O39" s="568"/>
      <c r="P39" s="568"/>
      <c r="Q39" s="568"/>
      <c r="R39" s="568"/>
      <c r="S39" s="568"/>
      <c r="T39" s="568"/>
      <c r="U39" s="568"/>
      <c r="V39" s="568"/>
      <c r="W39" s="568"/>
      <c r="X39" s="568"/>
      <c r="Y39" s="568"/>
      <c r="Z39" s="568"/>
      <c r="AA39" s="568"/>
      <c r="AB39" s="568"/>
      <c r="AC39" s="568" t="s">
        <v>211</v>
      </c>
      <c r="AD39" s="568"/>
      <c r="AE39" s="568"/>
      <c r="AF39" s="568"/>
      <c r="AG39" s="568"/>
      <c r="AH39" s="568"/>
      <c r="AI39" s="568"/>
      <c r="AJ39" s="568"/>
      <c r="AK39" s="568"/>
      <c r="AL39" s="568"/>
      <c r="AM39" s="568"/>
      <c r="AN39" s="568"/>
      <c r="AO39" s="568"/>
      <c r="AP39" s="568"/>
      <c r="AQ39" s="568"/>
      <c r="AR39" s="568"/>
      <c r="AS39" s="568"/>
      <c r="AT39" s="568"/>
      <c r="AU39" s="568"/>
      <c r="AV39" s="568"/>
      <c r="AW39" s="568"/>
      <c r="AX39" s="568"/>
      <c r="AY39" s="568"/>
      <c r="AZ39" s="568"/>
      <c r="BA39" s="568"/>
      <c r="BB39" s="568"/>
      <c r="BC39" s="568"/>
      <c r="BD39" s="568"/>
      <c r="BE39" s="568"/>
      <c r="BF39" s="568"/>
      <c r="BG39" s="566"/>
      <c r="BH39" s="566"/>
      <c r="BI39" s="566"/>
      <c r="BJ39" s="566"/>
      <c r="BK39" s="566"/>
      <c r="BL39" s="566"/>
      <c r="BM39" s="566"/>
      <c r="BN39" s="566"/>
      <c r="BO39" s="566"/>
      <c r="BP39" s="566"/>
      <c r="BQ39" s="566"/>
      <c r="BR39" s="566"/>
      <c r="BS39" s="566"/>
      <c r="BT39" s="566"/>
      <c r="BU39" s="566"/>
      <c r="BV39" s="566"/>
      <c r="BW39" s="566"/>
      <c r="BX39" s="566"/>
      <c r="BY39" s="566"/>
      <c r="BZ39" s="566"/>
      <c r="CA39" s="566"/>
      <c r="CB39" s="566"/>
      <c r="CC39" s="566"/>
      <c r="CD39" s="566"/>
      <c r="CE39" s="566"/>
      <c r="CF39" s="566"/>
      <c r="CG39" s="566"/>
      <c r="CH39" s="566"/>
      <c r="CI39" s="194"/>
      <c r="CJ39" s="194"/>
      <c r="CK39" s="192"/>
      <c r="CL39" s="192"/>
      <c r="CM39" s="192"/>
      <c r="CN39" s="192"/>
      <c r="CO39" s="192"/>
      <c r="CP39" s="192"/>
      <c r="CQ39" s="192"/>
      <c r="CR39" s="192"/>
      <c r="CS39" s="192"/>
      <c r="CT39" s="192"/>
      <c r="CU39" s="192"/>
      <c r="CV39" s="192"/>
      <c r="CW39" s="192"/>
      <c r="CX39" s="192"/>
      <c r="CY39" s="192"/>
      <c r="CZ39" s="192"/>
      <c r="DA39" s="192"/>
      <c r="DB39" s="140"/>
      <c r="DC39" s="140"/>
    </row>
    <row r="40" spans="1:107" s="103" customFormat="1" ht="16.05" customHeight="1" x14ac:dyDescent="0.2">
      <c r="A40" s="184"/>
      <c r="B40" s="658"/>
      <c r="C40" s="659"/>
      <c r="D40" s="659"/>
      <c r="E40" s="659"/>
      <c r="F40" s="659"/>
      <c r="G40" s="659"/>
      <c r="H40" s="659"/>
      <c r="I40" s="659"/>
      <c r="J40" s="660"/>
      <c r="K40" s="568"/>
      <c r="L40" s="568"/>
      <c r="M40" s="568"/>
      <c r="N40" s="568"/>
      <c r="O40" s="568"/>
      <c r="P40" s="568"/>
      <c r="Q40" s="568"/>
      <c r="R40" s="568"/>
      <c r="S40" s="568"/>
      <c r="T40" s="568"/>
      <c r="U40" s="568"/>
      <c r="V40" s="568"/>
      <c r="W40" s="568"/>
      <c r="X40" s="568"/>
      <c r="Y40" s="568"/>
      <c r="Z40" s="568"/>
      <c r="AA40" s="568"/>
      <c r="AB40" s="568"/>
      <c r="AC40" s="568"/>
      <c r="AD40" s="568"/>
      <c r="AE40" s="568"/>
      <c r="AF40" s="568"/>
      <c r="AG40" s="568"/>
      <c r="AH40" s="568"/>
      <c r="AI40" s="568"/>
      <c r="AJ40" s="568"/>
      <c r="AK40" s="568"/>
      <c r="AL40" s="568"/>
      <c r="AM40" s="568"/>
      <c r="AN40" s="568"/>
      <c r="AO40" s="568"/>
      <c r="AP40" s="568"/>
      <c r="AQ40" s="568"/>
      <c r="AR40" s="568"/>
      <c r="AS40" s="568"/>
      <c r="AT40" s="568"/>
      <c r="AU40" s="568"/>
      <c r="AV40" s="568"/>
      <c r="AW40" s="568"/>
      <c r="AX40" s="568"/>
      <c r="AY40" s="568"/>
      <c r="AZ40" s="568"/>
      <c r="BA40" s="568"/>
      <c r="BB40" s="568"/>
      <c r="BC40" s="568"/>
      <c r="BD40" s="568"/>
      <c r="BE40" s="568"/>
      <c r="BF40" s="568"/>
      <c r="BG40" s="566"/>
      <c r="BH40" s="566"/>
      <c r="BI40" s="566"/>
      <c r="BJ40" s="566"/>
      <c r="BK40" s="566"/>
      <c r="BL40" s="566"/>
      <c r="BM40" s="566"/>
      <c r="BN40" s="566"/>
      <c r="BO40" s="566"/>
      <c r="BP40" s="566"/>
      <c r="BQ40" s="566"/>
      <c r="BR40" s="566"/>
      <c r="BS40" s="566"/>
      <c r="BT40" s="566"/>
      <c r="BU40" s="566"/>
      <c r="BV40" s="566"/>
      <c r="BW40" s="566"/>
      <c r="BX40" s="566"/>
      <c r="BY40" s="566"/>
      <c r="BZ40" s="566"/>
      <c r="CA40" s="566"/>
      <c r="CB40" s="566"/>
      <c r="CC40" s="566"/>
      <c r="CD40" s="566"/>
      <c r="CE40" s="566"/>
      <c r="CF40" s="566"/>
      <c r="CG40" s="566"/>
      <c r="CH40" s="566"/>
      <c r="CI40" s="194"/>
      <c r="CJ40" s="194"/>
      <c r="CK40" s="192"/>
      <c r="CL40" s="192"/>
      <c r="CM40" s="192"/>
      <c r="CN40" s="192"/>
      <c r="CO40" s="192"/>
      <c r="CP40" s="192"/>
      <c r="CQ40" s="192"/>
      <c r="CR40" s="192"/>
      <c r="CS40" s="192"/>
      <c r="CT40" s="192"/>
      <c r="CU40" s="192"/>
      <c r="CV40" s="192"/>
      <c r="CW40" s="192"/>
      <c r="CX40" s="192"/>
      <c r="CY40" s="192"/>
      <c r="CZ40" s="192"/>
      <c r="DA40" s="192"/>
      <c r="DB40" s="140"/>
      <c r="DC40" s="140"/>
    </row>
    <row r="41" spans="1:107" s="103" customFormat="1" ht="16.05" customHeight="1" x14ac:dyDescent="0.2">
      <c r="A41" s="184"/>
      <c r="B41" s="658"/>
      <c r="C41" s="659"/>
      <c r="D41" s="659"/>
      <c r="E41" s="659"/>
      <c r="F41" s="659"/>
      <c r="G41" s="659"/>
      <c r="H41" s="659"/>
      <c r="I41" s="659"/>
      <c r="J41" s="660"/>
      <c r="K41" s="568">
        <v>3</v>
      </c>
      <c r="L41" s="568"/>
      <c r="M41" s="568"/>
      <c r="N41" s="568"/>
      <c r="O41" s="568"/>
      <c r="P41" s="568"/>
      <c r="Q41" s="568"/>
      <c r="R41" s="568"/>
      <c r="S41" s="568"/>
      <c r="T41" s="568"/>
      <c r="U41" s="568"/>
      <c r="V41" s="568"/>
      <c r="W41" s="568"/>
      <c r="X41" s="568"/>
      <c r="Y41" s="568"/>
      <c r="Z41" s="568"/>
      <c r="AA41" s="568"/>
      <c r="AB41" s="568"/>
      <c r="AC41" s="568" t="s">
        <v>211</v>
      </c>
      <c r="AD41" s="568"/>
      <c r="AE41" s="568"/>
      <c r="AF41" s="568"/>
      <c r="AG41" s="568"/>
      <c r="AH41" s="568"/>
      <c r="AI41" s="568"/>
      <c r="AJ41" s="568"/>
      <c r="AK41" s="568"/>
      <c r="AL41" s="568"/>
      <c r="AM41" s="568"/>
      <c r="AN41" s="568"/>
      <c r="AO41" s="568"/>
      <c r="AP41" s="568"/>
      <c r="AQ41" s="568"/>
      <c r="AR41" s="568"/>
      <c r="AS41" s="568"/>
      <c r="AT41" s="568"/>
      <c r="AU41" s="568"/>
      <c r="AV41" s="568"/>
      <c r="AW41" s="568"/>
      <c r="AX41" s="568"/>
      <c r="AY41" s="568"/>
      <c r="AZ41" s="568"/>
      <c r="BA41" s="568"/>
      <c r="BB41" s="568"/>
      <c r="BC41" s="568"/>
      <c r="BD41" s="568"/>
      <c r="BE41" s="568"/>
      <c r="BF41" s="568"/>
      <c r="BG41" s="566"/>
      <c r="BH41" s="566"/>
      <c r="BI41" s="566"/>
      <c r="BJ41" s="566"/>
      <c r="BK41" s="566"/>
      <c r="BL41" s="566"/>
      <c r="BM41" s="566"/>
      <c r="BN41" s="566"/>
      <c r="BO41" s="566"/>
      <c r="BP41" s="566"/>
      <c r="BQ41" s="566"/>
      <c r="BR41" s="566"/>
      <c r="BS41" s="566"/>
      <c r="BT41" s="566"/>
      <c r="BU41" s="566"/>
      <c r="BV41" s="566"/>
      <c r="BW41" s="566"/>
      <c r="BX41" s="566"/>
      <c r="BY41" s="566"/>
      <c r="BZ41" s="566"/>
      <c r="CA41" s="566"/>
      <c r="CB41" s="566"/>
      <c r="CC41" s="566"/>
      <c r="CD41" s="566"/>
      <c r="CE41" s="566"/>
      <c r="CF41" s="566"/>
      <c r="CG41" s="566"/>
      <c r="CH41" s="566"/>
      <c r="CI41" s="194"/>
      <c r="CJ41" s="194"/>
      <c r="CK41" s="192"/>
      <c r="CL41" s="192"/>
      <c r="CM41" s="192"/>
      <c r="CN41" s="192"/>
      <c r="CO41" s="192"/>
      <c r="CP41" s="192"/>
      <c r="CQ41" s="192"/>
      <c r="CR41" s="192"/>
      <c r="CS41" s="192"/>
      <c r="CT41" s="192"/>
      <c r="CU41" s="192"/>
      <c r="CV41" s="192"/>
      <c r="CW41" s="192"/>
      <c r="CX41" s="192"/>
      <c r="CY41" s="192"/>
      <c r="CZ41" s="192"/>
      <c r="DA41" s="192"/>
      <c r="DB41" s="140"/>
      <c r="DC41" s="140"/>
    </row>
    <row r="42" spans="1:107" s="103" customFormat="1" ht="16.05" customHeight="1" x14ac:dyDescent="0.2">
      <c r="A42" s="184"/>
      <c r="B42" s="658"/>
      <c r="C42" s="659"/>
      <c r="D42" s="659"/>
      <c r="E42" s="659"/>
      <c r="F42" s="659"/>
      <c r="G42" s="659"/>
      <c r="H42" s="659"/>
      <c r="I42" s="659"/>
      <c r="J42" s="660"/>
      <c r="K42" s="569"/>
      <c r="L42" s="569"/>
      <c r="M42" s="569"/>
      <c r="N42" s="569"/>
      <c r="O42" s="569"/>
      <c r="P42" s="569"/>
      <c r="Q42" s="569"/>
      <c r="R42" s="569"/>
      <c r="S42" s="569"/>
      <c r="T42" s="569"/>
      <c r="U42" s="569"/>
      <c r="V42" s="569"/>
      <c r="W42" s="569"/>
      <c r="X42" s="569"/>
      <c r="Y42" s="569"/>
      <c r="Z42" s="569"/>
      <c r="AA42" s="569"/>
      <c r="AB42" s="569"/>
      <c r="AC42" s="569"/>
      <c r="AD42" s="569"/>
      <c r="AE42" s="569"/>
      <c r="AF42" s="569"/>
      <c r="AG42" s="569"/>
      <c r="AH42" s="569"/>
      <c r="AI42" s="569"/>
      <c r="AJ42" s="569"/>
      <c r="AK42" s="569"/>
      <c r="AL42" s="569"/>
      <c r="AM42" s="569"/>
      <c r="AN42" s="569"/>
      <c r="AO42" s="569"/>
      <c r="AP42" s="569"/>
      <c r="AQ42" s="569"/>
      <c r="AR42" s="569"/>
      <c r="AS42" s="569"/>
      <c r="AT42" s="569"/>
      <c r="AU42" s="569"/>
      <c r="AV42" s="569"/>
      <c r="AW42" s="569"/>
      <c r="AX42" s="569"/>
      <c r="AY42" s="569"/>
      <c r="AZ42" s="569"/>
      <c r="BA42" s="569"/>
      <c r="BB42" s="569"/>
      <c r="BC42" s="569"/>
      <c r="BD42" s="569"/>
      <c r="BE42" s="569"/>
      <c r="BF42" s="569"/>
      <c r="BG42" s="567"/>
      <c r="BH42" s="567"/>
      <c r="BI42" s="567"/>
      <c r="BJ42" s="567"/>
      <c r="BK42" s="567"/>
      <c r="BL42" s="567"/>
      <c r="BM42" s="567"/>
      <c r="BN42" s="567"/>
      <c r="BO42" s="567"/>
      <c r="BP42" s="567"/>
      <c r="BQ42" s="567"/>
      <c r="BR42" s="567"/>
      <c r="BS42" s="567"/>
      <c r="BT42" s="567"/>
      <c r="BU42" s="567"/>
      <c r="BV42" s="567"/>
      <c r="BW42" s="567"/>
      <c r="BX42" s="567"/>
      <c r="BY42" s="567"/>
      <c r="BZ42" s="567"/>
      <c r="CA42" s="567"/>
      <c r="CB42" s="567"/>
      <c r="CC42" s="567"/>
      <c r="CD42" s="567"/>
      <c r="CE42" s="567"/>
      <c r="CF42" s="567"/>
      <c r="CG42" s="567"/>
      <c r="CH42" s="567"/>
      <c r="CI42" s="194"/>
      <c r="CJ42" s="194"/>
      <c r="CK42" s="192"/>
      <c r="CL42" s="192"/>
      <c r="CM42" s="192"/>
      <c r="CN42" s="192"/>
      <c r="CO42" s="192"/>
      <c r="CP42" s="192"/>
      <c r="CQ42" s="192"/>
      <c r="CR42" s="192"/>
      <c r="CS42" s="192"/>
      <c r="CT42" s="192"/>
      <c r="CU42" s="192"/>
      <c r="CV42" s="192"/>
      <c r="CW42" s="192"/>
      <c r="CX42" s="192"/>
      <c r="CY42" s="192"/>
      <c r="CZ42" s="192"/>
      <c r="DA42" s="192"/>
      <c r="DB42" s="140"/>
      <c r="DC42" s="140"/>
    </row>
    <row r="43" spans="1:107" s="103" customFormat="1" ht="16.05" customHeight="1" x14ac:dyDescent="0.2">
      <c r="A43" s="184"/>
      <c r="B43" s="657" t="s">
        <v>22</v>
      </c>
      <c r="C43" s="591"/>
      <c r="D43" s="591"/>
      <c r="E43" s="591"/>
      <c r="F43" s="591"/>
      <c r="G43" s="591"/>
      <c r="H43" s="591"/>
      <c r="I43" s="591"/>
      <c r="J43" s="592"/>
      <c r="K43" s="612"/>
      <c r="L43" s="612"/>
      <c r="M43" s="612"/>
      <c r="N43" s="612"/>
      <c r="O43" s="612"/>
      <c r="P43" s="612"/>
      <c r="Q43" s="612"/>
      <c r="R43" s="612"/>
      <c r="S43" s="612"/>
      <c r="T43" s="612"/>
      <c r="U43" s="612"/>
      <c r="V43" s="612"/>
      <c r="W43" s="612"/>
      <c r="X43" s="612"/>
      <c r="Y43" s="612"/>
      <c r="Z43" s="612"/>
      <c r="AA43" s="612"/>
      <c r="AB43" s="612"/>
      <c r="AC43" s="612"/>
      <c r="AD43" s="612"/>
      <c r="AE43" s="612"/>
      <c r="AF43" s="612"/>
      <c r="AG43" s="612"/>
      <c r="AH43" s="612"/>
      <c r="AI43" s="612"/>
      <c r="AJ43" s="612"/>
      <c r="AK43" s="612"/>
      <c r="AL43" s="612"/>
      <c r="AM43" s="612"/>
      <c r="AN43" s="612"/>
      <c r="AO43" s="612"/>
      <c r="AP43" s="612"/>
      <c r="AQ43" s="612"/>
      <c r="AR43" s="612"/>
      <c r="AS43" s="612"/>
      <c r="AT43" s="612"/>
      <c r="AU43" s="612"/>
      <c r="AV43" s="612"/>
      <c r="AW43" s="612"/>
      <c r="AX43" s="612"/>
      <c r="AY43" s="612"/>
      <c r="AZ43" s="612"/>
      <c r="BA43" s="612"/>
      <c r="BB43" s="612"/>
      <c r="BC43" s="612"/>
      <c r="BD43" s="612"/>
      <c r="BE43" s="612"/>
      <c r="BF43" s="612"/>
      <c r="BG43" s="612"/>
      <c r="BH43" s="612"/>
      <c r="BI43" s="612"/>
      <c r="BJ43" s="612"/>
      <c r="BK43" s="612"/>
      <c r="BL43" s="612"/>
      <c r="BM43" s="612"/>
      <c r="BN43" s="612"/>
      <c r="BO43" s="612"/>
      <c r="BP43" s="612"/>
      <c r="BQ43" s="612"/>
      <c r="BR43" s="612"/>
      <c r="BS43" s="612"/>
      <c r="BT43" s="612"/>
      <c r="BU43" s="612"/>
      <c r="BV43" s="612"/>
      <c r="BW43" s="612"/>
      <c r="BX43" s="612"/>
      <c r="BY43" s="612"/>
      <c r="BZ43" s="612"/>
      <c r="CA43" s="612"/>
      <c r="CB43" s="612"/>
      <c r="CC43" s="612"/>
      <c r="CD43" s="612"/>
      <c r="CE43" s="612"/>
      <c r="CF43" s="612"/>
      <c r="CG43" s="612"/>
      <c r="CH43" s="666"/>
      <c r="CI43" s="194"/>
      <c r="CJ43" s="194"/>
      <c r="CK43" s="192"/>
      <c r="CL43" s="192"/>
      <c r="CM43" s="192"/>
      <c r="CN43" s="192"/>
      <c r="CO43" s="192"/>
      <c r="CP43" s="192"/>
      <c r="CQ43" s="192"/>
      <c r="CR43" s="192"/>
      <c r="CS43" s="192"/>
      <c r="CT43" s="192"/>
      <c r="CU43" s="192"/>
      <c r="CV43" s="192"/>
      <c r="CW43" s="192"/>
      <c r="CX43" s="192"/>
      <c r="CY43" s="192"/>
      <c r="CZ43" s="192"/>
      <c r="DA43" s="192"/>
      <c r="DB43" s="140"/>
      <c r="DC43" s="140"/>
    </row>
    <row r="44" spans="1:107" s="103" customFormat="1" ht="16.05" customHeight="1" x14ac:dyDescent="0.2">
      <c r="A44" s="184"/>
      <c r="B44" s="658"/>
      <c r="C44" s="659"/>
      <c r="D44" s="659"/>
      <c r="E44" s="659"/>
      <c r="F44" s="659"/>
      <c r="G44" s="659"/>
      <c r="H44" s="659"/>
      <c r="I44" s="659"/>
      <c r="J44" s="660"/>
      <c r="K44" s="615"/>
      <c r="L44" s="615"/>
      <c r="M44" s="615"/>
      <c r="N44" s="615"/>
      <c r="O44" s="615"/>
      <c r="P44" s="615"/>
      <c r="Q44" s="615"/>
      <c r="R44" s="615"/>
      <c r="S44" s="615"/>
      <c r="T44" s="615"/>
      <c r="U44" s="615"/>
      <c r="V44" s="615"/>
      <c r="W44" s="615"/>
      <c r="X44" s="615"/>
      <c r="Y44" s="615"/>
      <c r="Z44" s="615"/>
      <c r="AA44" s="615"/>
      <c r="AB44" s="615"/>
      <c r="AC44" s="615"/>
      <c r="AD44" s="615"/>
      <c r="AE44" s="615"/>
      <c r="AF44" s="615"/>
      <c r="AG44" s="615"/>
      <c r="AH44" s="615"/>
      <c r="AI44" s="615"/>
      <c r="AJ44" s="615"/>
      <c r="AK44" s="615"/>
      <c r="AL44" s="615"/>
      <c r="AM44" s="615"/>
      <c r="AN44" s="615"/>
      <c r="AO44" s="615"/>
      <c r="AP44" s="615"/>
      <c r="AQ44" s="615"/>
      <c r="AR44" s="615"/>
      <c r="AS44" s="615"/>
      <c r="AT44" s="615"/>
      <c r="AU44" s="615"/>
      <c r="AV44" s="615"/>
      <c r="AW44" s="615"/>
      <c r="AX44" s="615"/>
      <c r="AY44" s="615"/>
      <c r="AZ44" s="615"/>
      <c r="BA44" s="615"/>
      <c r="BB44" s="615"/>
      <c r="BC44" s="615"/>
      <c r="BD44" s="615"/>
      <c r="BE44" s="615"/>
      <c r="BF44" s="615"/>
      <c r="BG44" s="615"/>
      <c r="BH44" s="615"/>
      <c r="BI44" s="615"/>
      <c r="BJ44" s="615"/>
      <c r="BK44" s="615"/>
      <c r="BL44" s="615"/>
      <c r="BM44" s="615"/>
      <c r="BN44" s="615"/>
      <c r="BO44" s="615"/>
      <c r="BP44" s="615"/>
      <c r="BQ44" s="615"/>
      <c r="BR44" s="615"/>
      <c r="BS44" s="615"/>
      <c r="BT44" s="615"/>
      <c r="BU44" s="615"/>
      <c r="BV44" s="615"/>
      <c r="BW44" s="615"/>
      <c r="BX44" s="615"/>
      <c r="BY44" s="615"/>
      <c r="BZ44" s="615"/>
      <c r="CA44" s="615"/>
      <c r="CB44" s="615"/>
      <c r="CC44" s="615"/>
      <c r="CD44" s="615"/>
      <c r="CE44" s="615"/>
      <c r="CF44" s="615"/>
      <c r="CG44" s="615"/>
      <c r="CH44" s="667"/>
      <c r="CI44" s="194"/>
      <c r="CJ44" s="194"/>
      <c r="CK44" s="192"/>
      <c r="CL44" s="192"/>
      <c r="CM44" s="192"/>
      <c r="CN44" s="192"/>
      <c r="CO44" s="192"/>
      <c r="CP44" s="192"/>
      <c r="CQ44" s="192"/>
      <c r="CR44" s="192"/>
      <c r="CS44" s="192"/>
      <c r="CT44" s="192"/>
      <c r="CU44" s="192"/>
      <c r="CV44" s="192"/>
      <c r="CW44" s="192"/>
      <c r="CX44" s="192"/>
      <c r="CY44" s="192"/>
      <c r="CZ44" s="192"/>
      <c r="DA44" s="192"/>
      <c r="DB44" s="140"/>
      <c r="DC44" s="140"/>
    </row>
    <row r="45" spans="1:107" s="103" customFormat="1" ht="16.05" customHeight="1" x14ac:dyDescent="0.2">
      <c r="A45" s="184"/>
      <c r="B45" s="658"/>
      <c r="C45" s="659"/>
      <c r="D45" s="659"/>
      <c r="E45" s="659"/>
      <c r="F45" s="659"/>
      <c r="G45" s="659"/>
      <c r="H45" s="659"/>
      <c r="I45" s="659"/>
      <c r="J45" s="660"/>
      <c r="K45" s="615"/>
      <c r="L45" s="615"/>
      <c r="M45" s="615"/>
      <c r="N45" s="615"/>
      <c r="O45" s="615"/>
      <c r="P45" s="615"/>
      <c r="Q45" s="615"/>
      <c r="R45" s="615"/>
      <c r="S45" s="615"/>
      <c r="T45" s="615"/>
      <c r="U45" s="615"/>
      <c r="V45" s="615"/>
      <c r="W45" s="615"/>
      <c r="X45" s="615"/>
      <c r="Y45" s="615"/>
      <c r="Z45" s="615"/>
      <c r="AA45" s="615"/>
      <c r="AB45" s="615"/>
      <c r="AC45" s="615"/>
      <c r="AD45" s="615"/>
      <c r="AE45" s="615"/>
      <c r="AF45" s="615"/>
      <c r="AG45" s="615"/>
      <c r="AH45" s="615"/>
      <c r="AI45" s="615"/>
      <c r="AJ45" s="615"/>
      <c r="AK45" s="615"/>
      <c r="AL45" s="615"/>
      <c r="AM45" s="615"/>
      <c r="AN45" s="615"/>
      <c r="AO45" s="615"/>
      <c r="AP45" s="615"/>
      <c r="AQ45" s="615"/>
      <c r="AR45" s="615"/>
      <c r="AS45" s="615"/>
      <c r="AT45" s="615"/>
      <c r="AU45" s="615"/>
      <c r="AV45" s="615"/>
      <c r="AW45" s="615"/>
      <c r="AX45" s="615"/>
      <c r="AY45" s="615"/>
      <c r="AZ45" s="615"/>
      <c r="BA45" s="615"/>
      <c r="BB45" s="615"/>
      <c r="BC45" s="615"/>
      <c r="BD45" s="615"/>
      <c r="BE45" s="615"/>
      <c r="BF45" s="615"/>
      <c r="BG45" s="615"/>
      <c r="BH45" s="615"/>
      <c r="BI45" s="615"/>
      <c r="BJ45" s="615"/>
      <c r="BK45" s="615"/>
      <c r="BL45" s="615"/>
      <c r="BM45" s="615"/>
      <c r="BN45" s="615"/>
      <c r="BO45" s="615"/>
      <c r="BP45" s="615"/>
      <c r="BQ45" s="615"/>
      <c r="BR45" s="615"/>
      <c r="BS45" s="615"/>
      <c r="BT45" s="615"/>
      <c r="BU45" s="615"/>
      <c r="BV45" s="615"/>
      <c r="BW45" s="615"/>
      <c r="BX45" s="615"/>
      <c r="BY45" s="615"/>
      <c r="BZ45" s="615"/>
      <c r="CA45" s="615"/>
      <c r="CB45" s="615"/>
      <c r="CC45" s="615"/>
      <c r="CD45" s="615"/>
      <c r="CE45" s="615"/>
      <c r="CF45" s="615"/>
      <c r="CG45" s="615"/>
      <c r="CH45" s="667"/>
      <c r="CI45" s="194"/>
      <c r="CJ45" s="194"/>
      <c r="CK45" s="192"/>
      <c r="CL45" s="192"/>
      <c r="CM45" s="192"/>
      <c r="CN45" s="192"/>
      <c r="CO45" s="192"/>
      <c r="CP45" s="192"/>
      <c r="CQ45" s="192"/>
      <c r="CR45" s="192"/>
      <c r="CS45" s="192"/>
      <c r="CT45" s="192"/>
      <c r="CU45" s="192"/>
      <c r="CV45" s="192"/>
      <c r="CW45" s="192"/>
      <c r="CX45" s="192"/>
      <c r="CY45" s="192"/>
      <c r="CZ45" s="192"/>
      <c r="DA45" s="192"/>
      <c r="DB45" s="140"/>
      <c r="DC45" s="140"/>
    </row>
    <row r="46" spans="1:107" s="103" customFormat="1" ht="16.05" customHeight="1" x14ac:dyDescent="0.2">
      <c r="A46" s="184"/>
      <c r="B46" s="658"/>
      <c r="C46" s="659"/>
      <c r="D46" s="659"/>
      <c r="E46" s="659"/>
      <c r="F46" s="659"/>
      <c r="G46" s="659"/>
      <c r="H46" s="659"/>
      <c r="I46" s="659"/>
      <c r="J46" s="660"/>
      <c r="K46" s="615"/>
      <c r="L46" s="615"/>
      <c r="M46" s="615"/>
      <c r="N46" s="615"/>
      <c r="O46" s="615"/>
      <c r="P46" s="615"/>
      <c r="Q46" s="615"/>
      <c r="R46" s="615"/>
      <c r="S46" s="615"/>
      <c r="T46" s="615"/>
      <c r="U46" s="615"/>
      <c r="V46" s="615"/>
      <c r="W46" s="615"/>
      <c r="X46" s="615"/>
      <c r="Y46" s="615"/>
      <c r="Z46" s="615"/>
      <c r="AA46" s="615"/>
      <c r="AB46" s="615"/>
      <c r="AC46" s="615"/>
      <c r="AD46" s="615"/>
      <c r="AE46" s="615"/>
      <c r="AF46" s="615"/>
      <c r="AG46" s="615"/>
      <c r="AH46" s="615"/>
      <c r="AI46" s="615"/>
      <c r="AJ46" s="615"/>
      <c r="AK46" s="615"/>
      <c r="AL46" s="615"/>
      <c r="AM46" s="615"/>
      <c r="AN46" s="615"/>
      <c r="AO46" s="615"/>
      <c r="AP46" s="615"/>
      <c r="AQ46" s="615"/>
      <c r="AR46" s="615"/>
      <c r="AS46" s="615"/>
      <c r="AT46" s="615"/>
      <c r="AU46" s="615"/>
      <c r="AV46" s="615"/>
      <c r="AW46" s="615"/>
      <c r="AX46" s="615"/>
      <c r="AY46" s="615"/>
      <c r="AZ46" s="615"/>
      <c r="BA46" s="615"/>
      <c r="BB46" s="615"/>
      <c r="BC46" s="615"/>
      <c r="BD46" s="615"/>
      <c r="BE46" s="615"/>
      <c r="BF46" s="615"/>
      <c r="BG46" s="615"/>
      <c r="BH46" s="615"/>
      <c r="BI46" s="615"/>
      <c r="BJ46" s="615"/>
      <c r="BK46" s="615"/>
      <c r="BL46" s="615"/>
      <c r="BM46" s="615"/>
      <c r="BN46" s="615"/>
      <c r="BO46" s="615"/>
      <c r="BP46" s="615"/>
      <c r="BQ46" s="615"/>
      <c r="BR46" s="615"/>
      <c r="BS46" s="615"/>
      <c r="BT46" s="615"/>
      <c r="BU46" s="615"/>
      <c r="BV46" s="615"/>
      <c r="BW46" s="615"/>
      <c r="BX46" s="615"/>
      <c r="BY46" s="615"/>
      <c r="BZ46" s="615"/>
      <c r="CA46" s="615"/>
      <c r="CB46" s="615"/>
      <c r="CC46" s="615"/>
      <c r="CD46" s="615"/>
      <c r="CE46" s="615"/>
      <c r="CF46" s="615"/>
      <c r="CG46" s="615"/>
      <c r="CH46" s="667"/>
      <c r="CI46" s="194"/>
      <c r="CJ46" s="194"/>
      <c r="CK46" s="192"/>
      <c r="CL46" s="192"/>
      <c r="CM46" s="192"/>
      <c r="CN46" s="192"/>
      <c r="CO46" s="192"/>
      <c r="CP46" s="192"/>
      <c r="CQ46" s="192"/>
      <c r="CR46" s="192"/>
      <c r="CS46" s="192"/>
      <c r="CT46" s="192"/>
      <c r="CU46" s="192"/>
      <c r="CV46" s="192"/>
      <c r="CW46" s="192"/>
      <c r="CX46" s="192"/>
      <c r="CY46" s="192"/>
      <c r="CZ46" s="192"/>
      <c r="DA46" s="192"/>
      <c r="DB46" s="140"/>
      <c r="DC46" s="140"/>
    </row>
    <row r="47" spans="1:107" s="103" customFormat="1" ht="16.05" customHeight="1" thickBot="1" x14ac:dyDescent="0.25">
      <c r="A47" s="184"/>
      <c r="B47" s="663"/>
      <c r="C47" s="664"/>
      <c r="D47" s="664"/>
      <c r="E47" s="664"/>
      <c r="F47" s="664"/>
      <c r="G47" s="664"/>
      <c r="H47" s="664"/>
      <c r="I47" s="664"/>
      <c r="J47" s="665"/>
      <c r="K47" s="668"/>
      <c r="L47" s="668"/>
      <c r="M47" s="668"/>
      <c r="N47" s="668"/>
      <c r="O47" s="668"/>
      <c r="P47" s="668"/>
      <c r="Q47" s="668"/>
      <c r="R47" s="668"/>
      <c r="S47" s="668"/>
      <c r="T47" s="668"/>
      <c r="U47" s="668"/>
      <c r="V47" s="668"/>
      <c r="W47" s="668"/>
      <c r="X47" s="668"/>
      <c r="Y47" s="668"/>
      <c r="Z47" s="668"/>
      <c r="AA47" s="668"/>
      <c r="AB47" s="668"/>
      <c r="AC47" s="668"/>
      <c r="AD47" s="668"/>
      <c r="AE47" s="668"/>
      <c r="AF47" s="668"/>
      <c r="AG47" s="668"/>
      <c r="AH47" s="668"/>
      <c r="AI47" s="668"/>
      <c r="AJ47" s="668"/>
      <c r="AK47" s="668"/>
      <c r="AL47" s="668"/>
      <c r="AM47" s="668"/>
      <c r="AN47" s="668"/>
      <c r="AO47" s="668"/>
      <c r="AP47" s="668"/>
      <c r="AQ47" s="668"/>
      <c r="AR47" s="668"/>
      <c r="AS47" s="668"/>
      <c r="AT47" s="668"/>
      <c r="AU47" s="668"/>
      <c r="AV47" s="668"/>
      <c r="AW47" s="668"/>
      <c r="AX47" s="668"/>
      <c r="AY47" s="668"/>
      <c r="AZ47" s="668"/>
      <c r="BA47" s="668"/>
      <c r="BB47" s="668"/>
      <c r="BC47" s="668"/>
      <c r="BD47" s="668"/>
      <c r="BE47" s="668"/>
      <c r="BF47" s="668"/>
      <c r="BG47" s="668"/>
      <c r="BH47" s="668"/>
      <c r="BI47" s="668"/>
      <c r="BJ47" s="668"/>
      <c r="BK47" s="668"/>
      <c r="BL47" s="668"/>
      <c r="BM47" s="668"/>
      <c r="BN47" s="668"/>
      <c r="BO47" s="668"/>
      <c r="BP47" s="668"/>
      <c r="BQ47" s="668"/>
      <c r="BR47" s="668"/>
      <c r="BS47" s="668"/>
      <c r="BT47" s="668"/>
      <c r="BU47" s="668"/>
      <c r="BV47" s="668"/>
      <c r="BW47" s="668"/>
      <c r="BX47" s="668"/>
      <c r="BY47" s="668"/>
      <c r="BZ47" s="668"/>
      <c r="CA47" s="668"/>
      <c r="CB47" s="668"/>
      <c r="CC47" s="668"/>
      <c r="CD47" s="668"/>
      <c r="CE47" s="668"/>
      <c r="CF47" s="668"/>
      <c r="CG47" s="668"/>
      <c r="CH47" s="669"/>
      <c r="CI47" s="194"/>
      <c r="CJ47" s="194"/>
      <c r="CK47" s="192"/>
      <c r="CL47" s="192"/>
      <c r="CM47" s="192"/>
      <c r="CN47" s="192"/>
      <c r="CO47" s="192"/>
      <c r="CP47" s="192"/>
      <c r="CQ47" s="192"/>
      <c r="CR47" s="192"/>
      <c r="CS47" s="192"/>
      <c r="CT47" s="192"/>
      <c r="CU47" s="192"/>
      <c r="CV47" s="192"/>
      <c r="CW47" s="192"/>
      <c r="CX47" s="192"/>
      <c r="CY47" s="192"/>
      <c r="CZ47" s="192"/>
      <c r="DA47" s="192"/>
      <c r="DB47" s="140"/>
      <c r="DC47" s="140"/>
    </row>
    <row r="48" spans="1:107" s="103" customFormat="1" ht="16.05" customHeight="1" thickBot="1" x14ac:dyDescent="0.3">
      <c r="A48" s="184"/>
      <c r="B48" s="204"/>
      <c r="C48" s="204"/>
      <c r="D48" s="204"/>
      <c r="E48" s="204"/>
      <c r="F48" s="204"/>
      <c r="G48" s="204"/>
      <c r="H48" s="204"/>
      <c r="I48" s="204"/>
      <c r="J48" s="204"/>
      <c r="K48" s="204"/>
      <c r="L48" s="204"/>
      <c r="M48" s="205"/>
      <c r="N48" s="205"/>
      <c r="O48" s="205"/>
      <c r="P48" s="205"/>
      <c r="Q48" s="205"/>
      <c r="R48" s="205"/>
      <c r="S48" s="205"/>
      <c r="T48" s="205"/>
      <c r="U48" s="205"/>
      <c r="V48" s="205"/>
      <c r="W48" s="205"/>
      <c r="X48" s="205"/>
      <c r="Y48" s="205"/>
      <c r="Z48" s="205"/>
      <c r="AA48" s="205"/>
      <c r="AB48" s="205"/>
      <c r="AC48" s="205"/>
      <c r="AD48" s="205"/>
      <c r="AE48" s="205"/>
      <c r="AF48" s="205"/>
      <c r="AG48" s="205"/>
      <c r="AH48" s="205"/>
      <c r="AI48" s="205"/>
      <c r="AJ48" s="203"/>
      <c r="AK48" s="203"/>
      <c r="AL48" s="203"/>
      <c r="AM48" s="203"/>
      <c r="AN48" s="203"/>
      <c r="AO48" s="203"/>
      <c r="AP48" s="203"/>
      <c r="AQ48" s="203"/>
      <c r="AR48" s="206"/>
      <c r="AS48" s="206"/>
      <c r="AT48" s="206"/>
      <c r="AU48" s="206"/>
      <c r="AV48" s="206"/>
      <c r="AW48" s="206"/>
      <c r="AX48" s="206"/>
      <c r="AY48" s="206"/>
      <c r="AZ48" s="206"/>
      <c r="BA48" s="206"/>
      <c r="BB48" s="206"/>
      <c r="BC48" s="206"/>
      <c r="BD48" s="206"/>
      <c r="BE48" s="206"/>
      <c r="BF48" s="205"/>
      <c r="BG48" s="205"/>
      <c r="BH48" s="205"/>
      <c r="BI48" s="205"/>
      <c r="BJ48" s="205"/>
      <c r="BK48" s="205"/>
      <c r="BL48" s="205"/>
      <c r="BM48" s="205"/>
      <c r="BN48" s="205"/>
      <c r="BO48" s="206"/>
      <c r="BP48" s="206"/>
      <c r="BQ48" s="206"/>
      <c r="BR48" s="206"/>
      <c r="BS48" s="206"/>
      <c r="BT48" s="206"/>
      <c r="BU48" s="206"/>
      <c r="BV48" s="206"/>
      <c r="BW48" s="206"/>
      <c r="BX48" s="206"/>
      <c r="BY48" s="206"/>
      <c r="BZ48" s="206"/>
      <c r="CA48" s="206"/>
      <c r="CB48" s="206"/>
      <c r="CC48" s="206"/>
      <c r="CD48" s="206"/>
      <c r="CE48" s="194"/>
      <c r="CF48" s="194"/>
      <c r="CG48" s="194"/>
      <c r="CH48" s="194"/>
      <c r="CI48" s="194"/>
      <c r="CJ48" s="194"/>
      <c r="CK48" s="192"/>
      <c r="CL48" s="192"/>
      <c r="CM48" s="192"/>
      <c r="CN48" s="192"/>
      <c r="CO48" s="192"/>
      <c r="CP48" s="192"/>
      <c r="CQ48" s="192"/>
      <c r="CR48" s="192"/>
      <c r="CS48" s="192"/>
      <c r="CT48" s="192"/>
      <c r="CU48" s="192"/>
      <c r="CV48" s="192"/>
      <c r="CW48" s="192"/>
      <c r="CX48" s="192"/>
      <c r="CY48" s="192"/>
      <c r="CZ48" s="192"/>
      <c r="DA48" s="192"/>
      <c r="DB48" s="140"/>
      <c r="DC48" s="140"/>
    </row>
    <row r="49" spans="1:107" s="103" customFormat="1" ht="24.75" customHeight="1" x14ac:dyDescent="0.25">
      <c r="A49" s="184"/>
      <c r="B49" s="225"/>
      <c r="C49" s="226"/>
      <c r="D49" s="226"/>
      <c r="E49" s="226"/>
      <c r="F49" s="226"/>
      <c r="G49" s="226"/>
      <c r="H49" s="226"/>
      <c r="I49" s="226"/>
      <c r="J49" s="226"/>
      <c r="K49" s="226"/>
      <c r="L49" s="226"/>
      <c r="M49" s="226"/>
      <c r="N49" s="226"/>
      <c r="O49" s="226"/>
      <c r="P49" s="226"/>
      <c r="Q49" s="226"/>
      <c r="R49" s="226"/>
      <c r="S49" s="226"/>
      <c r="T49" s="226"/>
      <c r="U49" s="226"/>
      <c r="V49" s="226"/>
      <c r="W49" s="226"/>
      <c r="X49" s="226"/>
      <c r="Y49" s="226"/>
      <c r="Z49" s="226"/>
      <c r="AA49" s="226"/>
      <c r="AB49" s="226"/>
      <c r="AC49" s="226"/>
      <c r="AD49" s="226"/>
      <c r="AE49" s="226"/>
      <c r="AF49" s="226"/>
      <c r="AG49" s="226"/>
      <c r="AH49" s="226"/>
      <c r="AI49" s="226"/>
      <c r="AJ49" s="226"/>
      <c r="AK49" s="226"/>
      <c r="AL49" s="226"/>
      <c r="AM49" s="226"/>
      <c r="AN49" s="227"/>
      <c r="AO49" s="227"/>
      <c r="AP49" s="227"/>
      <c r="AQ49" s="227"/>
      <c r="AR49" s="227"/>
      <c r="AS49" s="227"/>
      <c r="AT49" s="227"/>
      <c r="AU49" s="227"/>
      <c r="AV49" s="228"/>
      <c r="AW49" s="228"/>
      <c r="AX49" s="228"/>
      <c r="AY49" s="228"/>
      <c r="AZ49" s="228"/>
      <c r="BA49" s="228"/>
      <c r="BB49" s="228"/>
      <c r="BC49" s="228"/>
      <c r="BD49" s="228"/>
      <c r="BE49" s="228"/>
      <c r="BF49" s="228"/>
      <c r="BG49" s="228"/>
      <c r="BH49" s="228"/>
      <c r="BI49" s="228"/>
      <c r="BJ49" s="228"/>
      <c r="BK49" s="228"/>
      <c r="BL49" s="228"/>
      <c r="BM49" s="228"/>
      <c r="BN49" s="228"/>
      <c r="BO49" s="228"/>
      <c r="BP49" s="228"/>
      <c r="BQ49" s="228"/>
      <c r="BR49" s="228"/>
      <c r="BS49" s="228"/>
      <c r="BT49" s="228"/>
      <c r="BU49" s="228"/>
      <c r="BV49" s="228"/>
      <c r="BW49" s="228"/>
      <c r="BX49" s="228"/>
      <c r="BY49" s="228"/>
      <c r="BZ49" s="228"/>
      <c r="CA49" s="228"/>
      <c r="CB49" s="228"/>
      <c r="CC49" s="228"/>
      <c r="CD49" s="228"/>
      <c r="CE49" s="228"/>
      <c r="CF49" s="228"/>
      <c r="CG49" s="228"/>
      <c r="CH49" s="229"/>
      <c r="CI49" s="216"/>
      <c r="CJ49" s="140"/>
      <c r="CK49" s="140"/>
      <c r="CL49" s="140"/>
      <c r="CM49" s="140"/>
      <c r="CN49" s="140"/>
      <c r="CO49" s="140"/>
      <c r="CP49" s="140"/>
      <c r="CQ49" s="140"/>
      <c r="CR49" s="140"/>
      <c r="CS49" s="140"/>
      <c r="CT49" s="140"/>
      <c r="CU49" s="192"/>
      <c r="CV49" s="192"/>
      <c r="CW49" s="192"/>
      <c r="CX49" s="192"/>
      <c r="CY49" s="192"/>
      <c r="CZ49" s="192"/>
      <c r="DA49" s="192"/>
      <c r="DB49" s="140"/>
      <c r="DC49" s="140"/>
    </row>
    <row r="50" spans="1:107" s="130" customFormat="1" ht="24.75" customHeight="1" x14ac:dyDescent="0.25">
      <c r="A50" s="185"/>
      <c r="B50" s="230" t="s">
        <v>206</v>
      </c>
      <c r="C50" s="231"/>
      <c r="D50" s="232"/>
      <c r="E50" s="231"/>
      <c r="F50" s="232"/>
      <c r="G50" s="231"/>
      <c r="H50" s="231"/>
      <c r="I50" s="231"/>
      <c r="J50" s="232"/>
      <c r="K50" s="231"/>
      <c r="L50" s="231"/>
      <c r="M50" s="231"/>
      <c r="N50" s="231" t="s">
        <v>87</v>
      </c>
      <c r="O50" s="231"/>
      <c r="P50" s="231"/>
      <c r="Q50" s="231"/>
      <c r="R50" s="231"/>
      <c r="S50" s="231"/>
      <c r="T50" s="231"/>
      <c r="U50" s="231"/>
      <c r="V50" s="231"/>
      <c r="W50" s="231"/>
      <c r="X50" s="231"/>
      <c r="Y50" s="231"/>
      <c r="Z50" s="231"/>
      <c r="AA50" s="231"/>
      <c r="AB50" s="231"/>
      <c r="AC50" s="231"/>
      <c r="AD50" s="231"/>
      <c r="AE50" s="231"/>
      <c r="AF50" s="231"/>
      <c r="AG50" s="231"/>
      <c r="AH50" s="231"/>
      <c r="AI50" s="231"/>
      <c r="AJ50" s="231"/>
      <c r="AK50" s="231"/>
      <c r="AL50" s="231"/>
      <c r="AM50" s="231"/>
      <c r="AN50" s="233"/>
      <c r="AO50" s="233"/>
      <c r="AP50" s="233"/>
      <c r="AQ50" s="233"/>
      <c r="AR50" s="233"/>
      <c r="AS50" s="233"/>
      <c r="AT50" s="233"/>
      <c r="AU50" s="233"/>
      <c r="AV50" s="232"/>
      <c r="AW50" s="232"/>
      <c r="AX50" s="232"/>
      <c r="AY50" s="232"/>
      <c r="AZ50" s="232"/>
      <c r="BA50" s="231" t="s">
        <v>15</v>
      </c>
      <c r="BB50" s="232"/>
      <c r="BC50" s="232"/>
      <c r="BD50" s="232"/>
      <c r="BE50" s="232"/>
      <c r="BF50" s="140"/>
      <c r="BG50" s="232"/>
      <c r="BH50" s="232"/>
      <c r="BI50" s="232"/>
      <c r="BJ50" s="140"/>
      <c r="BK50" s="231"/>
      <c r="BL50" s="231"/>
      <c r="BM50" s="231"/>
      <c r="BN50" s="231"/>
      <c r="BO50" s="231"/>
      <c r="BP50" s="231"/>
      <c r="BQ50" s="231"/>
      <c r="BR50" s="231"/>
      <c r="BS50" s="232"/>
      <c r="BT50" s="232"/>
      <c r="BU50" s="232"/>
      <c r="BV50" s="232"/>
      <c r="BW50" s="232"/>
      <c r="BX50" s="232"/>
      <c r="BY50" s="232"/>
      <c r="BZ50" s="232"/>
      <c r="CA50" s="232"/>
      <c r="CB50" s="232"/>
      <c r="CC50" s="232"/>
      <c r="CD50" s="232"/>
      <c r="CE50" s="232"/>
      <c r="CF50" s="232"/>
      <c r="CG50" s="232"/>
      <c r="CH50" s="234"/>
      <c r="CI50" s="217"/>
      <c r="CJ50" s="218"/>
      <c r="CK50" s="218"/>
      <c r="CL50" s="218"/>
      <c r="CM50" s="218"/>
      <c r="CN50" s="218"/>
      <c r="CO50" s="140"/>
      <c r="CP50" s="140"/>
      <c r="CQ50" s="140"/>
      <c r="CR50" s="140"/>
      <c r="CS50" s="140"/>
      <c r="CT50" s="140"/>
      <c r="CU50" s="192"/>
      <c r="CV50" s="192"/>
      <c r="CW50" s="192"/>
      <c r="CX50" s="192"/>
      <c r="CY50" s="192"/>
      <c r="CZ50" s="192"/>
      <c r="DA50" s="192"/>
      <c r="DB50" s="140"/>
      <c r="DC50" s="140"/>
    </row>
    <row r="51" spans="1:107" s="130" customFormat="1" ht="24.75" customHeight="1" x14ac:dyDescent="0.25">
      <c r="A51" s="185"/>
      <c r="B51" s="230"/>
      <c r="C51" s="231"/>
      <c r="D51" s="231"/>
      <c r="E51" s="231"/>
      <c r="F51" s="232"/>
      <c r="G51" s="231"/>
      <c r="H51" s="231"/>
      <c r="I51" s="231"/>
      <c r="J51" s="232"/>
      <c r="K51" s="231"/>
      <c r="L51" s="231"/>
      <c r="M51" s="231"/>
      <c r="N51" s="231" t="s">
        <v>88</v>
      </c>
      <c r="O51" s="231"/>
      <c r="P51" s="231"/>
      <c r="Q51" s="231"/>
      <c r="R51" s="231"/>
      <c r="S51" s="231"/>
      <c r="T51" s="231"/>
      <c r="U51" s="231"/>
      <c r="V51" s="231"/>
      <c r="W51" s="231"/>
      <c r="X51" s="231"/>
      <c r="Y51" s="231"/>
      <c r="Z51" s="231"/>
      <c r="AA51" s="231"/>
      <c r="AB51" s="231"/>
      <c r="AC51" s="231"/>
      <c r="AD51" s="231"/>
      <c r="AE51" s="231"/>
      <c r="AF51" s="231"/>
      <c r="AG51" s="231"/>
      <c r="AH51" s="231"/>
      <c r="AI51" s="231"/>
      <c r="AJ51" s="231"/>
      <c r="AK51" s="231"/>
      <c r="AL51" s="231"/>
      <c r="AM51" s="231"/>
      <c r="AN51" s="233"/>
      <c r="AO51" s="233"/>
      <c r="AP51" s="233"/>
      <c r="AQ51" s="233"/>
      <c r="AR51" s="233"/>
      <c r="AS51" s="233"/>
      <c r="AT51" s="233"/>
      <c r="AU51" s="233"/>
      <c r="AV51" s="232"/>
      <c r="AW51" s="232"/>
      <c r="AX51" s="232"/>
      <c r="AY51" s="232"/>
      <c r="AZ51" s="232"/>
      <c r="BA51" s="232"/>
      <c r="BB51" s="232"/>
      <c r="BC51" s="232"/>
      <c r="BD51" s="232"/>
      <c r="BE51" s="232"/>
      <c r="BF51" s="140"/>
      <c r="BG51" s="232"/>
      <c r="BH51" s="232"/>
      <c r="BI51" s="232"/>
      <c r="BJ51" s="140"/>
      <c r="BK51" s="232"/>
      <c r="BL51" s="232"/>
      <c r="BM51" s="232"/>
      <c r="BN51" s="232"/>
      <c r="BO51" s="232"/>
      <c r="BP51" s="232"/>
      <c r="BQ51" s="232"/>
      <c r="BR51" s="232"/>
      <c r="BS51" s="232"/>
      <c r="BT51" s="232"/>
      <c r="BU51" s="232"/>
      <c r="BV51" s="232"/>
      <c r="BW51" s="232"/>
      <c r="BX51" s="232"/>
      <c r="BY51" s="232"/>
      <c r="BZ51" s="232"/>
      <c r="CA51" s="232"/>
      <c r="CB51" s="232"/>
      <c r="CC51" s="232"/>
      <c r="CD51" s="232"/>
      <c r="CE51" s="232"/>
      <c r="CF51" s="232"/>
      <c r="CG51" s="232"/>
      <c r="CH51" s="234"/>
      <c r="CI51" s="217"/>
      <c r="CJ51" s="218"/>
      <c r="CK51" s="218"/>
      <c r="CL51" s="218"/>
      <c r="CM51" s="218"/>
      <c r="CN51" s="218"/>
      <c r="CO51" s="140"/>
      <c r="CP51" s="140"/>
      <c r="CQ51" s="140"/>
      <c r="CR51" s="140"/>
      <c r="CS51" s="140"/>
      <c r="CT51" s="140"/>
      <c r="CU51" s="190"/>
      <c r="CV51" s="190"/>
      <c r="CW51" s="190"/>
      <c r="CX51" s="190"/>
      <c r="CY51" s="190"/>
      <c r="CZ51" s="190"/>
      <c r="DA51" s="192"/>
      <c r="DB51" s="140"/>
      <c r="DC51" s="140"/>
    </row>
    <row r="52" spans="1:107" s="130" customFormat="1" ht="24.75" customHeight="1" x14ac:dyDescent="0.25">
      <c r="A52" s="185"/>
      <c r="B52" s="230"/>
      <c r="C52" s="231"/>
      <c r="D52" s="231"/>
      <c r="E52" s="231"/>
      <c r="F52" s="231"/>
      <c r="G52" s="231"/>
      <c r="H52" s="231"/>
      <c r="I52" s="231"/>
      <c r="J52" s="231"/>
      <c r="K52" s="231"/>
      <c r="L52" s="231"/>
      <c r="M52" s="231"/>
      <c r="N52" s="231"/>
      <c r="O52" s="231"/>
      <c r="P52" s="231"/>
      <c r="Q52" s="231"/>
      <c r="R52" s="231"/>
      <c r="S52" s="231"/>
      <c r="T52" s="231"/>
      <c r="U52" s="231"/>
      <c r="V52" s="231"/>
      <c r="W52" s="231"/>
      <c r="X52" s="231"/>
      <c r="Y52" s="231"/>
      <c r="Z52" s="231"/>
      <c r="AA52" s="231"/>
      <c r="AB52" s="231"/>
      <c r="AC52" s="231"/>
      <c r="AD52" s="231"/>
      <c r="AE52" s="231"/>
      <c r="AF52" s="231"/>
      <c r="AG52" s="231"/>
      <c r="AH52" s="231"/>
      <c r="AI52" s="231"/>
      <c r="AJ52" s="231"/>
      <c r="AK52" s="231"/>
      <c r="AL52" s="231"/>
      <c r="AM52" s="231"/>
      <c r="AN52" s="233"/>
      <c r="AO52" s="233"/>
      <c r="AP52" s="233"/>
      <c r="AQ52" s="233"/>
      <c r="AR52" s="233"/>
      <c r="AS52" s="233"/>
      <c r="AT52" s="233"/>
      <c r="AU52" s="233"/>
      <c r="AV52" s="232"/>
      <c r="AW52" s="232"/>
      <c r="AX52" s="232"/>
      <c r="AY52" s="232"/>
      <c r="AZ52" s="232"/>
      <c r="BA52" s="232"/>
      <c r="BB52" s="232"/>
      <c r="BC52" s="232"/>
      <c r="BD52" s="232"/>
      <c r="BE52" s="232"/>
      <c r="BF52" s="140"/>
      <c r="BG52" s="232"/>
      <c r="BH52" s="232"/>
      <c r="BI52" s="232"/>
      <c r="BJ52" s="140"/>
      <c r="BK52" s="232"/>
      <c r="BL52" s="232"/>
      <c r="BM52" s="232"/>
      <c r="BN52" s="232"/>
      <c r="BO52" s="232"/>
      <c r="BP52" s="232"/>
      <c r="BQ52" s="232"/>
      <c r="BR52" s="232"/>
      <c r="BS52" s="231"/>
      <c r="BT52" s="231"/>
      <c r="BU52" s="231"/>
      <c r="BV52" s="231"/>
      <c r="BW52" s="231"/>
      <c r="BX52" s="231"/>
      <c r="BY52" s="231"/>
      <c r="BZ52" s="231"/>
      <c r="CA52" s="231"/>
      <c r="CB52" s="231"/>
      <c r="CC52" s="231"/>
      <c r="CD52" s="231"/>
      <c r="CE52" s="231"/>
      <c r="CF52" s="231"/>
      <c r="CG52" s="231"/>
      <c r="CH52" s="235"/>
      <c r="CI52" s="217"/>
      <c r="CJ52" s="218"/>
      <c r="CK52" s="218"/>
      <c r="CL52" s="218"/>
      <c r="CM52" s="218"/>
      <c r="CN52" s="218"/>
      <c r="CO52" s="140"/>
      <c r="CP52" s="140"/>
      <c r="CQ52" s="140"/>
      <c r="CR52" s="140"/>
      <c r="CS52" s="140"/>
      <c r="CT52" s="140"/>
      <c r="CU52" s="190"/>
      <c r="CV52" s="190"/>
      <c r="CW52" s="190"/>
      <c r="CX52" s="190"/>
      <c r="CY52" s="190"/>
      <c r="CZ52" s="190"/>
      <c r="DA52" s="192"/>
      <c r="DB52" s="140"/>
      <c r="DC52" s="140"/>
    </row>
    <row r="53" spans="1:107" s="130" customFormat="1" ht="24.75" customHeight="1" x14ac:dyDescent="0.25">
      <c r="A53" s="185"/>
      <c r="B53" s="230" t="s">
        <v>89</v>
      </c>
      <c r="C53" s="231"/>
      <c r="D53" s="231"/>
      <c r="E53" s="231"/>
      <c r="F53" s="231"/>
      <c r="G53" s="231"/>
      <c r="H53" s="231"/>
      <c r="I53" s="231"/>
      <c r="J53" s="231"/>
      <c r="K53" s="231"/>
      <c r="L53" s="231"/>
      <c r="M53" s="231"/>
      <c r="N53" s="231"/>
      <c r="O53" s="231"/>
      <c r="P53" s="231"/>
      <c r="Q53" s="231"/>
      <c r="R53" s="231"/>
      <c r="S53" s="231"/>
      <c r="T53" s="231"/>
      <c r="U53" s="231"/>
      <c r="V53" s="231"/>
      <c r="W53" s="231"/>
      <c r="X53" s="231"/>
      <c r="Y53" s="231"/>
      <c r="Z53" s="231"/>
      <c r="AA53" s="231"/>
      <c r="AB53" s="231"/>
      <c r="AC53" s="231"/>
      <c r="AD53" s="231"/>
      <c r="AE53" s="231"/>
      <c r="AF53" s="231"/>
      <c r="AG53" s="231"/>
      <c r="AH53" s="231"/>
      <c r="AI53" s="231"/>
      <c r="AJ53" s="231"/>
      <c r="AK53" s="231"/>
      <c r="AL53" s="231"/>
      <c r="AM53" s="231"/>
      <c r="AN53" s="233"/>
      <c r="AO53" s="233"/>
      <c r="AP53" s="233"/>
      <c r="AQ53" s="233"/>
      <c r="AR53" s="233"/>
      <c r="AS53" s="233"/>
      <c r="AT53" s="233"/>
      <c r="AU53" s="233"/>
      <c r="AV53" s="236"/>
      <c r="AW53" s="236"/>
      <c r="AX53" s="236"/>
      <c r="AY53" s="236"/>
      <c r="AZ53" s="236"/>
      <c r="BA53" s="231" t="s">
        <v>85</v>
      </c>
      <c r="BB53" s="236"/>
      <c r="BC53" s="237"/>
      <c r="BD53" s="237"/>
      <c r="BE53" s="237"/>
      <c r="BF53" s="140"/>
      <c r="BG53" s="237"/>
      <c r="BH53" s="237"/>
      <c r="BI53" s="237"/>
      <c r="BJ53" s="140"/>
      <c r="BK53" s="231" t="s">
        <v>13</v>
      </c>
      <c r="BL53" s="231"/>
      <c r="BM53" s="231"/>
      <c r="BN53" s="231"/>
      <c r="BO53" s="231"/>
      <c r="BP53" s="231"/>
      <c r="BQ53" s="231"/>
      <c r="BR53" s="231"/>
      <c r="BS53" s="231"/>
      <c r="BT53" s="231"/>
      <c r="BU53" s="232"/>
      <c r="BV53" s="231"/>
      <c r="BW53" s="231"/>
      <c r="BX53" s="231"/>
      <c r="BY53" s="231"/>
      <c r="BZ53" s="231"/>
      <c r="CA53" s="231"/>
      <c r="CB53" s="231"/>
      <c r="CC53" s="231"/>
      <c r="CD53" s="231"/>
      <c r="CE53" s="231"/>
      <c r="CF53" s="231"/>
      <c r="CG53" s="231"/>
      <c r="CH53" s="235"/>
      <c r="CI53" s="219"/>
      <c r="CJ53" s="220"/>
      <c r="CK53" s="220"/>
      <c r="CL53" s="220"/>
      <c r="CM53" s="220"/>
      <c r="CN53" s="220"/>
      <c r="CO53" s="221"/>
      <c r="CP53" s="221"/>
      <c r="CQ53" s="221"/>
      <c r="CR53" s="221"/>
      <c r="CS53" s="221"/>
      <c r="CT53" s="221"/>
      <c r="CU53" s="192"/>
      <c r="CV53" s="192"/>
      <c r="CW53" s="192"/>
      <c r="CX53" s="192"/>
      <c r="CY53" s="192"/>
      <c r="CZ53" s="192"/>
      <c r="DA53" s="192"/>
      <c r="DB53" s="140"/>
      <c r="DC53" s="140"/>
    </row>
    <row r="54" spans="1:107" s="130" customFormat="1" ht="24.75" customHeight="1" x14ac:dyDescent="0.25">
      <c r="A54" s="185"/>
      <c r="B54" s="230" t="s">
        <v>82</v>
      </c>
      <c r="C54" s="231"/>
      <c r="D54" s="231"/>
      <c r="E54" s="231"/>
      <c r="F54" s="231"/>
      <c r="G54" s="231"/>
      <c r="H54" s="231"/>
      <c r="I54" s="231"/>
      <c r="J54" s="231"/>
      <c r="K54" s="231"/>
      <c r="L54" s="231"/>
      <c r="M54" s="231"/>
      <c r="N54" s="231"/>
      <c r="O54" s="231"/>
      <c r="P54" s="231"/>
      <c r="Q54" s="231"/>
      <c r="R54" s="231"/>
      <c r="S54" s="231"/>
      <c r="T54" s="231"/>
      <c r="U54" s="231"/>
      <c r="V54" s="231"/>
      <c r="W54" s="231"/>
      <c r="X54" s="231"/>
      <c r="Y54" s="231"/>
      <c r="Z54" s="231"/>
      <c r="AA54" s="231"/>
      <c r="AB54" s="231"/>
      <c r="AC54" s="231"/>
      <c r="AD54" s="231"/>
      <c r="AE54" s="231"/>
      <c r="AF54" s="231"/>
      <c r="AG54" s="231"/>
      <c r="AH54" s="231"/>
      <c r="AI54" s="231"/>
      <c r="AJ54" s="231"/>
      <c r="AK54" s="231"/>
      <c r="AL54" s="231"/>
      <c r="AM54" s="231"/>
      <c r="AN54" s="233"/>
      <c r="AO54" s="233"/>
      <c r="AP54" s="233"/>
      <c r="AQ54" s="233"/>
      <c r="AR54" s="233"/>
      <c r="AS54" s="233"/>
      <c r="AT54" s="233"/>
      <c r="AU54" s="233"/>
      <c r="AV54" s="236"/>
      <c r="AW54" s="236"/>
      <c r="AX54" s="236"/>
      <c r="AY54" s="236"/>
      <c r="AZ54" s="236"/>
      <c r="BA54" s="238" t="s">
        <v>97</v>
      </c>
      <c r="BB54" s="236"/>
      <c r="BC54" s="237"/>
      <c r="BD54" s="237"/>
      <c r="BE54" s="237"/>
      <c r="BF54" s="140"/>
      <c r="BG54" s="237"/>
      <c r="BH54" s="237"/>
      <c r="BI54" s="237"/>
      <c r="BJ54" s="140"/>
      <c r="BK54" s="238"/>
      <c r="BL54" s="238"/>
      <c r="BM54" s="238"/>
      <c r="BN54" s="238"/>
      <c r="BO54" s="238"/>
      <c r="BP54" s="238"/>
      <c r="BQ54" s="231"/>
      <c r="BR54" s="231"/>
      <c r="BS54" s="231"/>
      <c r="BT54" s="231"/>
      <c r="BU54" s="231"/>
      <c r="BV54" s="231"/>
      <c r="BW54" s="231"/>
      <c r="BX54" s="231"/>
      <c r="BY54" s="231"/>
      <c r="BZ54" s="231"/>
      <c r="CA54" s="231"/>
      <c r="CB54" s="231"/>
      <c r="CC54" s="231"/>
      <c r="CD54" s="231"/>
      <c r="CE54" s="231"/>
      <c r="CF54" s="231"/>
      <c r="CG54" s="231"/>
      <c r="CH54" s="234"/>
      <c r="CI54" s="219"/>
      <c r="CJ54" s="220"/>
      <c r="CK54" s="220"/>
      <c r="CL54" s="220"/>
      <c r="CM54" s="220"/>
      <c r="CN54" s="220"/>
      <c r="CO54" s="221"/>
      <c r="CP54" s="221"/>
      <c r="CQ54" s="221"/>
      <c r="CR54" s="221"/>
      <c r="CS54" s="221"/>
      <c r="CT54" s="221"/>
      <c r="CU54" s="192"/>
      <c r="CV54" s="192"/>
      <c r="CW54" s="192"/>
      <c r="CX54" s="192"/>
      <c r="CY54" s="192"/>
      <c r="CZ54" s="192"/>
      <c r="DA54" s="192"/>
      <c r="DB54" s="140"/>
      <c r="DC54" s="140"/>
    </row>
    <row r="55" spans="1:107" s="130" customFormat="1" ht="24.75" customHeight="1" x14ac:dyDescent="0.25">
      <c r="A55" s="185"/>
      <c r="B55" s="230"/>
      <c r="C55" s="231"/>
      <c r="D55" s="231"/>
      <c r="E55" s="231"/>
      <c r="F55" s="231"/>
      <c r="G55" s="231"/>
      <c r="H55" s="231"/>
      <c r="I55" s="231"/>
      <c r="J55" s="231"/>
      <c r="K55" s="231"/>
      <c r="L55" s="231"/>
      <c r="M55" s="231"/>
      <c r="N55" s="231"/>
      <c r="O55" s="231"/>
      <c r="P55" s="231"/>
      <c r="Q55" s="231"/>
      <c r="R55" s="231"/>
      <c r="S55" s="231"/>
      <c r="T55" s="231"/>
      <c r="U55" s="231"/>
      <c r="V55" s="231"/>
      <c r="W55" s="231"/>
      <c r="X55" s="231"/>
      <c r="Y55" s="231"/>
      <c r="Z55" s="231"/>
      <c r="AA55" s="231"/>
      <c r="AB55" s="231"/>
      <c r="AC55" s="231"/>
      <c r="AD55" s="231"/>
      <c r="AE55" s="231"/>
      <c r="AF55" s="231"/>
      <c r="AG55" s="231"/>
      <c r="AH55" s="231"/>
      <c r="AI55" s="231"/>
      <c r="AJ55" s="231"/>
      <c r="AK55" s="231"/>
      <c r="AL55" s="231"/>
      <c r="AM55" s="231"/>
      <c r="AN55" s="233"/>
      <c r="AO55" s="233"/>
      <c r="AP55" s="233"/>
      <c r="AQ55" s="233"/>
      <c r="AR55" s="233"/>
      <c r="AS55" s="233"/>
      <c r="AT55" s="233"/>
      <c r="AU55" s="233"/>
      <c r="AV55" s="232"/>
      <c r="AW55" s="232"/>
      <c r="AX55" s="232"/>
      <c r="AY55" s="232"/>
      <c r="AZ55" s="232"/>
      <c r="BA55" s="231" t="s">
        <v>73</v>
      </c>
      <c r="BB55" s="232"/>
      <c r="BC55" s="232"/>
      <c r="BD55" s="232"/>
      <c r="BE55" s="232"/>
      <c r="BF55" s="140"/>
      <c r="BG55" s="232"/>
      <c r="BH55" s="232"/>
      <c r="BI55" s="232"/>
      <c r="BJ55" s="140"/>
      <c r="BK55" s="231"/>
      <c r="BL55" s="231"/>
      <c r="BM55" s="231"/>
      <c r="BN55" s="231"/>
      <c r="BO55" s="231"/>
      <c r="BP55" s="231"/>
      <c r="BQ55" s="231"/>
      <c r="BR55" s="231"/>
      <c r="BS55" s="231"/>
      <c r="BT55" s="231"/>
      <c r="BU55" s="231"/>
      <c r="BV55" s="231"/>
      <c r="BW55" s="231"/>
      <c r="BX55" s="222" t="s">
        <v>16</v>
      </c>
      <c r="BY55" s="231"/>
      <c r="BZ55" s="231"/>
      <c r="CA55" s="231"/>
      <c r="CB55" s="231"/>
      <c r="CC55" s="231"/>
      <c r="CD55" s="231"/>
      <c r="CE55" s="232"/>
      <c r="CF55" s="232"/>
      <c r="CG55" s="231"/>
      <c r="CH55" s="234"/>
      <c r="CI55" s="217"/>
      <c r="CJ55" s="218"/>
      <c r="CK55" s="218"/>
      <c r="CL55" s="218"/>
      <c r="CM55" s="218"/>
      <c r="CN55" s="222"/>
      <c r="CO55" s="140"/>
      <c r="CP55" s="140"/>
      <c r="CQ55" s="140"/>
      <c r="CR55" s="140"/>
      <c r="CS55" s="140"/>
      <c r="CT55" s="140"/>
      <c r="CU55" s="192"/>
      <c r="CV55" s="192"/>
      <c r="CW55" s="192"/>
      <c r="CX55" s="192"/>
      <c r="CY55" s="192"/>
      <c r="CZ55" s="192"/>
      <c r="DA55" s="192"/>
      <c r="DB55" s="140"/>
      <c r="DC55" s="140"/>
    </row>
    <row r="56" spans="1:107" s="130" customFormat="1" ht="24.75" customHeight="1" x14ac:dyDescent="0.25">
      <c r="A56" s="185"/>
      <c r="B56" s="230"/>
      <c r="C56" s="231"/>
      <c r="D56" s="231"/>
      <c r="E56" s="231"/>
      <c r="F56" s="231"/>
      <c r="G56" s="231"/>
      <c r="H56" s="231"/>
      <c r="I56" s="231"/>
      <c r="J56" s="231"/>
      <c r="K56" s="231"/>
      <c r="L56" s="231"/>
      <c r="M56" s="231"/>
      <c r="N56" s="231"/>
      <c r="O56" s="231"/>
      <c r="P56" s="231"/>
      <c r="Q56" s="231"/>
      <c r="R56" s="231"/>
      <c r="S56" s="231"/>
      <c r="T56" s="231"/>
      <c r="U56" s="231"/>
      <c r="V56" s="656"/>
      <c r="W56" s="656"/>
      <c r="X56" s="656"/>
      <c r="Y56" s="656"/>
      <c r="Z56" s="656"/>
      <c r="AA56" s="231"/>
      <c r="AB56" s="231"/>
      <c r="AC56" s="232"/>
      <c r="AD56" s="232"/>
      <c r="AE56" s="232"/>
      <c r="AF56" s="232"/>
      <c r="AG56" s="232"/>
      <c r="AH56" s="232"/>
      <c r="AI56" s="232"/>
      <c r="AJ56" s="232"/>
      <c r="AK56" s="232"/>
      <c r="AL56" s="232"/>
      <c r="AM56" s="232"/>
      <c r="AN56" s="233"/>
      <c r="AO56" s="233"/>
      <c r="AP56" s="233"/>
      <c r="AQ56" s="233"/>
      <c r="AR56" s="233"/>
      <c r="AS56" s="233"/>
      <c r="AT56" s="233"/>
      <c r="AU56" s="233"/>
      <c r="AV56" s="232"/>
      <c r="AW56" s="238"/>
      <c r="AX56" s="238"/>
      <c r="AY56" s="238"/>
      <c r="AZ56" s="238"/>
      <c r="BA56" s="238"/>
      <c r="BB56" s="238"/>
      <c r="BC56" s="232"/>
      <c r="BD56" s="232"/>
      <c r="BE56" s="232"/>
      <c r="BF56" s="232"/>
      <c r="BG56" s="232"/>
      <c r="BH56" s="232"/>
      <c r="BI56" s="232"/>
      <c r="BJ56" s="232"/>
      <c r="BK56" s="232"/>
      <c r="BL56" s="232"/>
      <c r="BM56" s="232"/>
      <c r="BN56" s="232"/>
      <c r="BO56" s="232"/>
      <c r="BP56" s="232"/>
      <c r="BQ56" s="232"/>
      <c r="BR56" s="232"/>
      <c r="BS56" s="232"/>
      <c r="BT56" s="232"/>
      <c r="BU56" s="231"/>
      <c r="BV56" s="231"/>
      <c r="BW56" s="231"/>
      <c r="BX56" s="231"/>
      <c r="BY56" s="231"/>
      <c r="BZ56" s="231"/>
      <c r="CA56" s="231"/>
      <c r="CB56" s="231"/>
      <c r="CC56" s="231"/>
      <c r="CD56" s="231"/>
      <c r="CE56" s="231"/>
      <c r="CF56" s="231"/>
      <c r="CG56" s="231"/>
      <c r="CH56" s="239"/>
      <c r="CI56" s="223"/>
      <c r="CJ56" s="222"/>
      <c r="CK56" s="222"/>
      <c r="CL56" s="222"/>
      <c r="CM56" s="222"/>
      <c r="CN56" s="222"/>
      <c r="CO56" s="224"/>
      <c r="CP56" s="224"/>
      <c r="CQ56" s="224"/>
      <c r="CR56" s="224"/>
      <c r="CS56" s="224"/>
      <c r="CT56" s="224"/>
      <c r="CU56" s="192"/>
      <c r="CV56" s="192"/>
      <c r="CW56" s="192"/>
      <c r="CX56" s="192"/>
      <c r="CY56" s="192"/>
      <c r="CZ56" s="192"/>
      <c r="DA56" s="192"/>
      <c r="DB56" s="140"/>
      <c r="DC56" s="140"/>
    </row>
    <row r="57" spans="1:107" s="130" customFormat="1" ht="17.25" customHeight="1" x14ac:dyDescent="0.25">
      <c r="A57" s="185"/>
      <c r="B57" s="212"/>
      <c r="C57" s="205"/>
      <c r="D57" s="205"/>
      <c r="E57" s="205"/>
      <c r="F57" s="205"/>
      <c r="G57" s="205"/>
      <c r="H57" s="205"/>
      <c r="I57" s="205"/>
      <c r="J57" s="205"/>
      <c r="K57" s="205"/>
      <c r="L57" s="205"/>
      <c r="M57" s="205"/>
      <c r="N57" s="205"/>
      <c r="O57" s="205"/>
      <c r="P57" s="205"/>
      <c r="Q57" s="205"/>
      <c r="R57" s="205"/>
      <c r="S57" s="205"/>
      <c r="T57" s="205"/>
      <c r="U57" s="205"/>
      <c r="V57" s="205"/>
      <c r="W57" s="205"/>
      <c r="X57" s="205"/>
      <c r="Y57" s="205"/>
      <c r="Z57" s="205"/>
      <c r="AA57" s="205"/>
      <c r="AB57" s="205"/>
      <c r="AC57" s="205"/>
      <c r="AD57" s="205"/>
      <c r="AE57" s="205"/>
      <c r="AF57" s="205"/>
      <c r="AG57" s="205"/>
      <c r="AH57" s="205"/>
      <c r="AI57" s="205"/>
      <c r="AJ57" s="203"/>
      <c r="AK57" s="203"/>
      <c r="AL57" s="203"/>
      <c r="AM57" s="203"/>
      <c r="AN57" s="203"/>
      <c r="AO57" s="203"/>
      <c r="AP57" s="203"/>
      <c r="AQ57" s="203"/>
      <c r="AR57" s="206"/>
      <c r="AS57" s="206"/>
      <c r="AT57" s="206"/>
      <c r="AU57" s="206"/>
      <c r="AV57" s="206"/>
      <c r="AW57" s="206"/>
      <c r="AX57" s="206"/>
      <c r="AY57" s="206"/>
      <c r="AZ57" s="206"/>
      <c r="BA57" s="206"/>
      <c r="BB57" s="206"/>
      <c r="BC57" s="206"/>
      <c r="BD57" s="206"/>
      <c r="BE57" s="206"/>
      <c r="BF57" s="206"/>
      <c r="BG57" s="206"/>
      <c r="BH57" s="206"/>
      <c r="BI57" s="206"/>
      <c r="BJ57" s="206"/>
      <c r="BK57" s="206"/>
      <c r="BL57" s="206"/>
      <c r="BM57" s="206"/>
      <c r="BN57" s="206"/>
      <c r="BO57" s="206"/>
      <c r="BP57" s="206"/>
      <c r="BQ57" s="206"/>
      <c r="BR57" s="206"/>
      <c r="BS57" s="206"/>
      <c r="BT57" s="206"/>
      <c r="BU57" s="206"/>
      <c r="BV57" s="206"/>
      <c r="BW57" s="206"/>
      <c r="BX57" s="206"/>
      <c r="BY57" s="206"/>
      <c r="BZ57" s="206"/>
      <c r="CA57" s="206"/>
      <c r="CB57" s="206"/>
      <c r="CC57" s="206"/>
      <c r="CD57" s="206"/>
      <c r="CE57" s="206"/>
      <c r="CF57" s="206"/>
      <c r="CG57" s="206"/>
      <c r="CH57" s="213"/>
      <c r="CI57" s="192"/>
      <c r="CJ57" s="192"/>
      <c r="CK57" s="192"/>
      <c r="CL57" s="192"/>
      <c r="CM57" s="192"/>
      <c r="CN57" s="192"/>
      <c r="CO57" s="192"/>
      <c r="CP57" s="186"/>
      <c r="CQ57" s="192"/>
      <c r="CR57" s="186"/>
      <c r="CS57" s="192"/>
      <c r="CT57" s="192"/>
      <c r="CU57" s="192"/>
      <c r="CV57" s="192"/>
      <c r="CW57" s="192"/>
      <c r="CX57" s="186"/>
      <c r="CY57" s="191"/>
      <c r="CZ57" s="191"/>
      <c r="DA57" s="192"/>
      <c r="DB57" s="140"/>
      <c r="DC57" s="140"/>
    </row>
    <row r="58" spans="1:107" s="130" customFormat="1" ht="17.25" customHeight="1" x14ac:dyDescent="0.25">
      <c r="A58" s="185"/>
      <c r="B58" s="212"/>
      <c r="C58" s="205"/>
      <c r="D58" s="205"/>
      <c r="E58" s="205"/>
      <c r="F58" s="205"/>
      <c r="G58" s="205"/>
      <c r="H58" s="205"/>
      <c r="I58" s="205"/>
      <c r="J58" s="205"/>
      <c r="K58" s="205"/>
      <c r="L58" s="205"/>
      <c r="M58" s="205"/>
      <c r="N58" s="205"/>
      <c r="O58" s="205"/>
      <c r="P58" s="205"/>
      <c r="Q58" s="205"/>
      <c r="R58" s="205"/>
      <c r="S58" s="205"/>
      <c r="T58" s="205"/>
      <c r="U58" s="205"/>
      <c r="V58" s="205"/>
      <c r="W58" s="205"/>
      <c r="X58" s="205"/>
      <c r="Y58" s="205"/>
      <c r="Z58" s="205"/>
      <c r="AA58" s="205"/>
      <c r="AB58" s="205"/>
      <c r="AC58" s="205"/>
      <c r="AD58" s="205"/>
      <c r="AE58" s="205"/>
      <c r="AF58" s="205"/>
      <c r="AG58" s="205"/>
      <c r="AH58" s="205"/>
      <c r="AI58" s="205"/>
      <c r="AJ58" s="203"/>
      <c r="AK58" s="203"/>
      <c r="AL58" s="203"/>
      <c r="AM58" s="203"/>
      <c r="AN58" s="203"/>
      <c r="AO58" s="203"/>
      <c r="AP58" s="203"/>
      <c r="AQ58" s="203"/>
      <c r="AR58" s="206"/>
      <c r="AS58" s="206"/>
      <c r="AT58" s="206"/>
      <c r="AU58" s="206"/>
      <c r="AV58" s="206"/>
      <c r="AW58" s="206"/>
      <c r="AX58" s="206"/>
      <c r="AY58" s="206"/>
      <c r="AZ58" s="206"/>
      <c r="BA58" s="206"/>
      <c r="BB58" s="206"/>
      <c r="BC58" s="206"/>
      <c r="BD58" s="206"/>
      <c r="BE58" s="206"/>
      <c r="BF58" s="206"/>
      <c r="BG58" s="206"/>
      <c r="BH58" s="206"/>
      <c r="BI58" s="206"/>
      <c r="BJ58" s="206"/>
      <c r="BK58" s="206"/>
      <c r="BL58" s="206"/>
      <c r="BM58" s="206"/>
      <c r="BN58" s="206"/>
      <c r="BO58" s="206"/>
      <c r="BP58" s="206"/>
      <c r="BQ58" s="206"/>
      <c r="BR58" s="206"/>
      <c r="BS58" s="206"/>
      <c r="BT58" s="206"/>
      <c r="BU58" s="206"/>
      <c r="BV58" s="206"/>
      <c r="BW58" s="206"/>
      <c r="BX58" s="206"/>
      <c r="BY58" s="206"/>
      <c r="BZ58" s="206"/>
      <c r="CA58" s="206"/>
      <c r="CB58" s="206"/>
      <c r="CC58" s="206"/>
      <c r="CD58" s="206"/>
      <c r="CE58" s="206"/>
      <c r="CF58" s="206"/>
      <c r="CG58" s="206"/>
      <c r="CH58" s="213"/>
      <c r="CI58" s="192"/>
      <c r="CJ58" s="192"/>
      <c r="CK58" s="192"/>
      <c r="CL58" s="192"/>
      <c r="CM58" s="192"/>
      <c r="CN58" s="192"/>
      <c r="CO58" s="192"/>
      <c r="CP58" s="192"/>
      <c r="CQ58" s="192"/>
      <c r="CR58" s="192"/>
      <c r="CS58" s="186"/>
      <c r="CT58" s="186"/>
      <c r="CU58" s="186"/>
      <c r="CV58" s="192"/>
      <c r="CW58" s="192"/>
      <c r="CX58" s="192"/>
      <c r="CY58" s="201"/>
      <c r="CZ58" s="201"/>
      <c r="DA58" s="201"/>
      <c r="DB58" s="140"/>
      <c r="DC58" s="140"/>
    </row>
    <row r="59" spans="1:107" s="130" customFormat="1" ht="17.25" customHeight="1" x14ac:dyDescent="0.25">
      <c r="A59" s="185"/>
      <c r="B59" s="212"/>
      <c r="C59" s="205"/>
      <c r="D59" s="205"/>
      <c r="E59" s="205"/>
      <c r="F59" s="205"/>
      <c r="G59" s="205"/>
      <c r="H59" s="205"/>
      <c r="I59" s="205"/>
      <c r="J59" s="205"/>
      <c r="K59" s="205"/>
      <c r="L59" s="205"/>
      <c r="M59" s="205"/>
      <c r="N59" s="205"/>
      <c r="O59" s="205"/>
      <c r="P59" s="205"/>
      <c r="Q59" s="205"/>
      <c r="R59" s="205"/>
      <c r="S59" s="205"/>
      <c r="T59" s="205"/>
      <c r="U59" s="205"/>
      <c r="V59" s="205"/>
      <c r="W59" s="205"/>
      <c r="X59" s="205"/>
      <c r="Y59" s="205"/>
      <c r="Z59" s="205"/>
      <c r="AA59" s="205"/>
      <c r="AB59" s="205"/>
      <c r="AC59" s="205"/>
      <c r="AD59" s="205"/>
      <c r="AE59" s="205"/>
      <c r="AF59" s="205"/>
      <c r="AG59" s="205"/>
      <c r="AH59" s="205"/>
      <c r="AI59" s="205"/>
      <c r="AJ59" s="203"/>
      <c r="AK59" s="203"/>
      <c r="AL59" s="203"/>
      <c r="AM59" s="203"/>
      <c r="AN59" s="203"/>
      <c r="AO59" s="203"/>
      <c r="AP59" s="203"/>
      <c r="AQ59" s="203"/>
      <c r="AR59" s="206"/>
      <c r="AS59" s="206"/>
      <c r="AT59" s="206"/>
      <c r="AU59" s="206"/>
      <c r="AV59" s="206"/>
      <c r="AW59" s="206"/>
      <c r="AX59" s="206"/>
      <c r="AY59" s="206"/>
      <c r="AZ59" s="206"/>
      <c r="BA59" s="206"/>
      <c r="BB59" s="206"/>
      <c r="BC59" s="206"/>
      <c r="BD59" s="206"/>
      <c r="BE59" s="206"/>
      <c r="BF59" s="206"/>
      <c r="BG59" s="206"/>
      <c r="BH59" s="206"/>
      <c r="BI59" s="206"/>
      <c r="BJ59" s="206"/>
      <c r="BK59" s="206"/>
      <c r="BL59" s="206"/>
      <c r="BM59" s="206"/>
      <c r="BN59" s="206"/>
      <c r="BO59" s="206"/>
      <c r="BP59" s="206"/>
      <c r="BQ59" s="206"/>
      <c r="BR59" s="206"/>
      <c r="BS59" s="206"/>
      <c r="BT59" s="206"/>
      <c r="BU59" s="206"/>
      <c r="BV59" s="206"/>
      <c r="BW59" s="206"/>
      <c r="BX59" s="206"/>
      <c r="BY59" s="206"/>
      <c r="BZ59" s="206"/>
      <c r="CA59" s="206"/>
      <c r="CB59" s="206"/>
      <c r="CC59" s="206"/>
      <c r="CD59" s="206"/>
      <c r="CE59" s="206"/>
      <c r="CF59" s="206"/>
      <c r="CG59" s="206"/>
      <c r="CH59" s="213"/>
      <c r="CI59" s="192"/>
      <c r="CJ59" s="192"/>
      <c r="CK59" s="192"/>
      <c r="CL59" s="192"/>
      <c r="CM59" s="192"/>
      <c r="CN59" s="192"/>
      <c r="CO59" s="192"/>
      <c r="CP59" s="192"/>
      <c r="CQ59" s="192"/>
      <c r="CR59" s="192"/>
      <c r="CS59" s="186"/>
      <c r="CT59" s="186"/>
      <c r="CU59" s="186"/>
      <c r="CV59" s="192"/>
      <c r="CW59" s="192"/>
      <c r="CX59" s="192"/>
      <c r="CY59" s="201"/>
      <c r="CZ59" s="201"/>
      <c r="DA59" s="201"/>
      <c r="DB59" s="140"/>
      <c r="DC59" s="140"/>
    </row>
    <row r="60" spans="1:107" s="130" customFormat="1" ht="17.25" customHeight="1" thickBot="1" x14ac:dyDescent="0.3">
      <c r="A60" s="185"/>
      <c r="B60" s="214"/>
      <c r="C60" s="209"/>
      <c r="D60" s="209"/>
      <c r="E60" s="209"/>
      <c r="F60" s="209"/>
      <c r="G60" s="209"/>
      <c r="H60" s="209"/>
      <c r="I60" s="209"/>
      <c r="J60" s="209"/>
      <c r="K60" s="209"/>
      <c r="L60" s="209"/>
      <c r="M60" s="209"/>
      <c r="N60" s="209"/>
      <c r="O60" s="209"/>
      <c r="P60" s="209"/>
      <c r="Q60" s="209"/>
      <c r="R60" s="209"/>
      <c r="S60" s="209"/>
      <c r="T60" s="209"/>
      <c r="U60" s="209"/>
      <c r="V60" s="209"/>
      <c r="W60" s="209"/>
      <c r="X60" s="209"/>
      <c r="Y60" s="209"/>
      <c r="Z60" s="209"/>
      <c r="AA60" s="209"/>
      <c r="AB60" s="209"/>
      <c r="AC60" s="209"/>
      <c r="AD60" s="209"/>
      <c r="AE60" s="209"/>
      <c r="AF60" s="209"/>
      <c r="AG60" s="209"/>
      <c r="AH60" s="209"/>
      <c r="AI60" s="209"/>
      <c r="AJ60" s="210"/>
      <c r="AK60" s="210"/>
      <c r="AL60" s="210"/>
      <c r="AM60" s="210"/>
      <c r="AN60" s="210"/>
      <c r="AO60" s="210"/>
      <c r="AP60" s="210"/>
      <c r="AQ60" s="210"/>
      <c r="AR60" s="211"/>
      <c r="AS60" s="211"/>
      <c r="AT60" s="211"/>
      <c r="AU60" s="211"/>
      <c r="AV60" s="211"/>
      <c r="AW60" s="211"/>
      <c r="AX60" s="211"/>
      <c r="AY60" s="211"/>
      <c r="AZ60" s="211"/>
      <c r="BA60" s="211"/>
      <c r="BB60" s="211"/>
      <c r="BC60" s="211"/>
      <c r="BD60" s="211"/>
      <c r="BE60" s="211"/>
      <c r="BF60" s="211"/>
      <c r="BG60" s="211"/>
      <c r="BH60" s="211"/>
      <c r="BI60" s="211"/>
      <c r="BJ60" s="211"/>
      <c r="BK60" s="211"/>
      <c r="BL60" s="211"/>
      <c r="BM60" s="211"/>
      <c r="BN60" s="211"/>
      <c r="BO60" s="211"/>
      <c r="BP60" s="211"/>
      <c r="BQ60" s="211"/>
      <c r="BR60" s="211"/>
      <c r="BS60" s="211"/>
      <c r="BT60" s="211"/>
      <c r="BU60" s="211"/>
      <c r="BV60" s="211"/>
      <c r="BW60" s="211"/>
      <c r="BX60" s="211"/>
      <c r="BY60" s="211"/>
      <c r="BZ60" s="211"/>
      <c r="CA60" s="211"/>
      <c r="CB60" s="211"/>
      <c r="CC60" s="211"/>
      <c r="CD60" s="211"/>
      <c r="CE60" s="211"/>
      <c r="CF60" s="211"/>
      <c r="CG60" s="211"/>
      <c r="CH60" s="215"/>
      <c r="CI60" s="192"/>
      <c r="CJ60" s="192"/>
      <c r="CK60" s="192"/>
      <c r="CL60" s="192"/>
      <c r="CM60" s="192"/>
      <c r="CN60" s="192"/>
      <c r="CO60" s="192"/>
      <c r="CP60" s="192"/>
      <c r="CQ60" s="192"/>
      <c r="CR60" s="192"/>
      <c r="CS60" s="186"/>
      <c r="CT60" s="186"/>
      <c r="CU60" s="186"/>
      <c r="CV60" s="192"/>
      <c r="CW60" s="192"/>
      <c r="CX60" s="192"/>
      <c r="CY60" s="201"/>
      <c r="CZ60" s="201"/>
      <c r="DA60" s="201"/>
      <c r="DB60" s="140"/>
      <c r="DC60" s="140"/>
    </row>
    <row r="61" spans="1:107" s="130" customFormat="1" ht="17.25" customHeight="1" x14ac:dyDescent="0.25">
      <c r="A61" s="185"/>
      <c r="B61" s="206"/>
      <c r="C61" s="205"/>
      <c r="D61" s="205"/>
      <c r="E61" s="205"/>
      <c r="F61" s="205"/>
      <c r="G61" s="205"/>
      <c r="H61" s="205"/>
      <c r="I61" s="205"/>
      <c r="J61" s="205"/>
      <c r="K61" s="205"/>
      <c r="L61" s="205"/>
      <c r="M61" s="205"/>
      <c r="N61" s="205"/>
      <c r="O61" s="205"/>
      <c r="P61" s="205"/>
      <c r="Q61" s="205"/>
      <c r="R61" s="205"/>
      <c r="S61" s="205"/>
      <c r="T61" s="205"/>
      <c r="U61" s="205"/>
      <c r="V61" s="205"/>
      <c r="W61" s="205"/>
      <c r="X61" s="205"/>
      <c r="Y61" s="205"/>
      <c r="Z61" s="205"/>
      <c r="AA61" s="205"/>
      <c r="AB61" s="205"/>
      <c r="AC61" s="205"/>
      <c r="AD61" s="205"/>
      <c r="AE61" s="205"/>
      <c r="AF61" s="205"/>
      <c r="AG61" s="205"/>
      <c r="AH61" s="205"/>
      <c r="AI61" s="205"/>
      <c r="AJ61" s="203"/>
      <c r="AK61" s="203"/>
      <c r="AL61" s="203"/>
      <c r="AM61" s="203"/>
      <c r="AN61" s="203"/>
      <c r="AO61" s="203"/>
      <c r="AP61" s="203"/>
      <c r="AQ61" s="203"/>
      <c r="AR61" s="206"/>
      <c r="AS61" s="206"/>
      <c r="AT61" s="206"/>
      <c r="AU61" s="206"/>
      <c r="AV61" s="206"/>
      <c r="AW61" s="206"/>
      <c r="AX61" s="206"/>
      <c r="AY61" s="206"/>
      <c r="AZ61" s="206"/>
      <c r="BA61" s="206"/>
      <c r="BB61" s="206"/>
      <c r="BC61" s="206"/>
      <c r="BD61" s="206"/>
      <c r="BE61" s="206"/>
      <c r="BF61" s="206"/>
      <c r="BG61" s="206"/>
      <c r="BH61" s="206"/>
      <c r="BI61" s="206"/>
      <c r="BJ61" s="206"/>
      <c r="BK61" s="206"/>
      <c r="BL61" s="206"/>
      <c r="BM61" s="206"/>
      <c r="BN61" s="206"/>
      <c r="BO61" s="206"/>
      <c r="BP61" s="206"/>
      <c r="BQ61" s="206"/>
      <c r="BR61" s="206"/>
      <c r="BS61" s="206"/>
      <c r="BT61" s="206"/>
      <c r="BU61" s="206"/>
      <c r="BV61" s="206"/>
      <c r="BW61" s="206"/>
      <c r="BX61" s="206"/>
      <c r="BY61" s="206"/>
      <c r="BZ61" s="206"/>
      <c r="CA61" s="206"/>
      <c r="CB61" s="206"/>
      <c r="CC61" s="206"/>
      <c r="CD61" s="206"/>
      <c r="CE61" s="206"/>
      <c r="CF61" s="206"/>
      <c r="CG61" s="206"/>
      <c r="CH61" s="206"/>
      <c r="CI61" s="192"/>
      <c r="CJ61" s="192"/>
      <c r="CK61" s="192"/>
      <c r="CL61" s="192"/>
      <c r="CM61" s="192"/>
      <c r="CN61" s="192"/>
      <c r="CO61" s="192"/>
      <c r="CP61" s="192"/>
      <c r="CQ61" s="192"/>
      <c r="CR61" s="192"/>
      <c r="CS61" s="186"/>
      <c r="CT61" s="186"/>
      <c r="CU61" s="186"/>
      <c r="CV61" s="192"/>
      <c r="CW61" s="192"/>
      <c r="CX61" s="192"/>
      <c r="CY61" s="201"/>
      <c r="CZ61" s="201"/>
      <c r="DA61" s="201"/>
      <c r="DB61" s="140"/>
      <c r="DC61" s="140"/>
    </row>
    <row r="62" spans="1:107" s="130" customFormat="1" ht="17.25" customHeight="1" thickBot="1" x14ac:dyDescent="0.3">
      <c r="A62" s="185"/>
      <c r="B62" s="206"/>
      <c r="C62" s="205"/>
      <c r="D62" s="205"/>
      <c r="E62" s="205"/>
      <c r="F62" s="205"/>
      <c r="G62" s="205"/>
      <c r="H62" s="205"/>
      <c r="I62" s="205"/>
      <c r="J62" s="205"/>
      <c r="K62" s="205"/>
      <c r="L62" s="205"/>
      <c r="M62" s="205"/>
      <c r="N62" s="205"/>
      <c r="O62" s="205"/>
      <c r="P62" s="205"/>
      <c r="Q62" s="205"/>
      <c r="R62" s="205"/>
      <c r="S62" s="205"/>
      <c r="T62" s="205"/>
      <c r="U62" s="205"/>
      <c r="V62" s="205"/>
      <c r="W62" s="205"/>
      <c r="X62" s="205"/>
      <c r="Y62" s="205"/>
      <c r="Z62" s="205"/>
      <c r="AA62" s="205"/>
      <c r="AB62" s="205"/>
      <c r="AC62" s="205"/>
      <c r="AD62" s="205"/>
      <c r="AE62" s="205"/>
      <c r="AF62" s="205"/>
      <c r="AG62" s="205"/>
      <c r="AH62" s="205"/>
      <c r="AI62" s="205"/>
      <c r="AJ62" s="203"/>
      <c r="AK62" s="203"/>
      <c r="AL62" s="203"/>
      <c r="AM62" s="203"/>
      <c r="AN62" s="203"/>
      <c r="AO62" s="203"/>
      <c r="AP62" s="203"/>
      <c r="AQ62" s="203"/>
      <c r="AR62" s="206"/>
      <c r="AS62" s="206"/>
      <c r="AT62" s="206"/>
      <c r="AU62" s="206"/>
      <c r="AV62" s="206"/>
      <c r="AW62" s="206"/>
      <c r="AX62" s="206"/>
      <c r="AY62" s="206"/>
      <c r="AZ62" s="206"/>
      <c r="BA62" s="206"/>
      <c r="BB62" s="206"/>
      <c r="BC62" s="206"/>
      <c r="BD62" s="206"/>
      <c r="BE62" s="206"/>
      <c r="BF62" s="206"/>
      <c r="BG62" s="206"/>
      <c r="BH62" s="206"/>
      <c r="BI62" s="206"/>
      <c r="BJ62" s="206"/>
      <c r="BK62" s="206"/>
      <c r="BL62" s="206"/>
      <c r="BM62" s="206"/>
      <c r="BN62" s="206"/>
      <c r="BO62" s="206" t="s">
        <v>207</v>
      </c>
      <c r="BP62" s="206"/>
      <c r="BQ62" s="206"/>
      <c r="BR62" s="206"/>
      <c r="BS62" s="206"/>
      <c r="BT62" s="206"/>
      <c r="BU62" s="206"/>
      <c r="BV62" s="206"/>
      <c r="BW62" s="206"/>
      <c r="BX62" s="206"/>
      <c r="BY62" s="206"/>
      <c r="BZ62" s="206"/>
      <c r="CA62" s="206"/>
      <c r="CB62" s="206"/>
      <c r="CC62" s="206"/>
      <c r="CD62" s="206"/>
      <c r="CE62" s="206"/>
      <c r="CF62" s="206"/>
      <c r="CG62" s="206"/>
      <c r="CH62" s="206"/>
      <c r="CI62" s="192"/>
      <c r="CJ62" s="192"/>
      <c r="CK62" s="192"/>
      <c r="CL62" s="192"/>
      <c r="CM62" s="192"/>
      <c r="CN62" s="192"/>
      <c r="CO62" s="192"/>
      <c r="CP62" s="192"/>
      <c r="CQ62" s="192"/>
      <c r="CR62" s="192"/>
      <c r="CS62" s="186"/>
      <c r="CT62" s="186"/>
      <c r="CU62" s="186"/>
      <c r="CV62" s="192"/>
      <c r="CW62" s="192"/>
      <c r="CX62" s="192"/>
      <c r="CY62" s="201"/>
      <c r="CZ62" s="201"/>
      <c r="DA62" s="201"/>
      <c r="DB62" s="140"/>
      <c r="DC62" s="140"/>
    </row>
    <row r="63" spans="1:107" s="130" customFormat="1" ht="17.25" customHeight="1" thickTop="1" x14ac:dyDescent="0.25">
      <c r="A63" s="185"/>
      <c r="B63" s="206"/>
      <c r="C63" s="205"/>
      <c r="D63" s="205"/>
      <c r="E63" s="205"/>
      <c r="F63" s="205"/>
      <c r="G63" s="205"/>
      <c r="H63" s="205"/>
      <c r="I63" s="205"/>
      <c r="J63" s="205"/>
      <c r="K63" s="205"/>
      <c r="L63" s="205"/>
      <c r="M63" s="205"/>
      <c r="N63" s="205"/>
      <c r="O63" s="205"/>
      <c r="P63" s="205"/>
      <c r="Q63" s="205"/>
      <c r="R63" s="205"/>
      <c r="S63" s="205"/>
      <c r="T63" s="205"/>
      <c r="U63" s="205"/>
      <c r="V63" s="205"/>
      <c r="W63" s="205"/>
      <c r="X63" s="205"/>
      <c r="Y63" s="205"/>
      <c r="Z63" s="205"/>
      <c r="AA63" s="205"/>
      <c r="AB63" s="205"/>
      <c r="AC63" s="205"/>
      <c r="AD63" s="205"/>
      <c r="AE63" s="205"/>
      <c r="AF63" s="205"/>
      <c r="AG63" s="205"/>
      <c r="AH63" s="205"/>
      <c r="AI63" s="205"/>
      <c r="AJ63" s="203"/>
      <c r="AK63" s="203"/>
      <c r="AL63" s="203"/>
      <c r="AM63" s="203"/>
      <c r="AN63" s="203"/>
      <c r="AO63" s="203"/>
      <c r="AP63" s="203"/>
      <c r="AQ63" s="203"/>
      <c r="AR63" s="206"/>
      <c r="AS63" s="206"/>
      <c r="AT63" s="206"/>
      <c r="AU63" s="206"/>
      <c r="AV63" s="206"/>
      <c r="AW63" s="206"/>
      <c r="AX63" s="206"/>
      <c r="AY63" s="206"/>
      <c r="AZ63" s="206"/>
      <c r="BA63" s="206"/>
      <c r="BB63" s="206"/>
      <c r="BC63" s="206"/>
      <c r="BD63" s="206"/>
      <c r="BE63" s="206"/>
      <c r="BF63" s="206"/>
      <c r="BG63" s="206"/>
      <c r="BH63" s="206"/>
      <c r="BI63" s="206"/>
      <c r="BJ63" s="206"/>
      <c r="BK63" s="206"/>
      <c r="BL63" s="206"/>
      <c r="BM63" s="206"/>
      <c r="BN63" s="206"/>
      <c r="BO63" s="652"/>
      <c r="BP63" s="652"/>
      <c r="BQ63" s="652"/>
      <c r="BR63" s="652"/>
      <c r="BS63" s="652"/>
      <c r="BT63" s="652" t="s">
        <v>80</v>
      </c>
      <c r="BU63" s="652"/>
      <c r="BV63" s="652"/>
      <c r="BW63" s="652"/>
      <c r="BX63" s="652"/>
      <c r="BY63" s="652"/>
      <c r="BZ63" s="652"/>
      <c r="CA63" s="652"/>
      <c r="CB63" s="652"/>
      <c r="CC63" s="652"/>
      <c r="CD63" s="652" t="s">
        <v>81</v>
      </c>
      <c r="CE63" s="652"/>
      <c r="CF63" s="652"/>
      <c r="CG63" s="652"/>
      <c r="CH63" s="652"/>
      <c r="CI63" s="192"/>
      <c r="CJ63" s="192"/>
      <c r="CK63" s="192"/>
      <c r="CL63" s="192"/>
      <c r="CM63" s="192"/>
      <c r="CN63" s="192"/>
      <c r="CO63" s="192"/>
      <c r="CP63" s="192"/>
      <c r="CQ63" s="192"/>
      <c r="CR63" s="192"/>
      <c r="CS63" s="186"/>
      <c r="CT63" s="186"/>
      <c r="CU63" s="186"/>
      <c r="CV63" s="192"/>
      <c r="CW63" s="192"/>
      <c r="CX63" s="192"/>
      <c r="CY63" s="201"/>
      <c r="CZ63" s="201"/>
      <c r="DA63" s="201"/>
      <c r="DB63" s="140"/>
      <c r="DC63" s="140"/>
    </row>
    <row r="64" spans="1:107" s="130" customFormat="1" ht="17.25" customHeight="1" x14ac:dyDescent="0.25">
      <c r="A64" s="185"/>
      <c r="B64" s="206"/>
      <c r="C64" s="205"/>
      <c r="D64" s="205"/>
      <c r="E64" s="205"/>
      <c r="F64" s="205"/>
      <c r="G64" s="205"/>
      <c r="H64" s="205"/>
      <c r="I64" s="205"/>
      <c r="J64" s="205"/>
      <c r="K64" s="205"/>
      <c r="L64" s="205"/>
      <c r="M64" s="205"/>
      <c r="N64" s="205"/>
      <c r="O64" s="205"/>
      <c r="P64" s="205"/>
      <c r="Q64" s="205"/>
      <c r="R64" s="205"/>
      <c r="S64" s="205"/>
      <c r="T64" s="205"/>
      <c r="U64" s="205"/>
      <c r="V64" s="205"/>
      <c r="W64" s="205"/>
      <c r="X64" s="205"/>
      <c r="Y64" s="205"/>
      <c r="Z64" s="205"/>
      <c r="AA64" s="205"/>
      <c r="AB64" s="205"/>
      <c r="AC64" s="205"/>
      <c r="AD64" s="205"/>
      <c r="AE64" s="205"/>
      <c r="AF64" s="205"/>
      <c r="AG64" s="205"/>
      <c r="AH64" s="205"/>
      <c r="AI64" s="205"/>
      <c r="AJ64" s="203"/>
      <c r="AK64" s="203"/>
      <c r="AL64" s="203"/>
      <c r="AM64" s="203"/>
      <c r="AN64" s="203"/>
      <c r="AO64" s="203"/>
      <c r="AP64" s="203"/>
      <c r="AQ64" s="203"/>
      <c r="AR64" s="206"/>
      <c r="AS64" s="206"/>
      <c r="AT64" s="206"/>
      <c r="AU64" s="206"/>
      <c r="AV64" s="206"/>
      <c r="AW64" s="206"/>
      <c r="AX64" s="206"/>
      <c r="AY64" s="206"/>
      <c r="AZ64" s="206"/>
      <c r="BA64" s="206"/>
      <c r="BB64" s="206"/>
      <c r="BC64" s="206"/>
      <c r="BD64" s="206"/>
      <c r="BE64" s="206"/>
      <c r="BF64" s="206"/>
      <c r="BG64" s="206"/>
      <c r="BH64" s="206"/>
      <c r="BI64" s="206"/>
      <c r="BJ64" s="206"/>
      <c r="BK64" s="206"/>
      <c r="BL64" s="206"/>
      <c r="BM64" s="206"/>
      <c r="BN64" s="206"/>
      <c r="BO64" s="653"/>
      <c r="BP64" s="653"/>
      <c r="BQ64" s="653"/>
      <c r="BR64" s="653"/>
      <c r="BS64" s="653"/>
      <c r="BT64" s="653"/>
      <c r="BU64" s="653"/>
      <c r="BV64" s="653"/>
      <c r="BW64" s="653"/>
      <c r="BX64" s="653"/>
      <c r="BY64" s="653"/>
      <c r="BZ64" s="653"/>
      <c r="CA64" s="653"/>
      <c r="CB64" s="653"/>
      <c r="CC64" s="653"/>
      <c r="CD64" s="653"/>
      <c r="CE64" s="653"/>
      <c r="CF64" s="653"/>
      <c r="CG64" s="653"/>
      <c r="CH64" s="653"/>
      <c r="CI64" s="192"/>
      <c r="CJ64" s="192"/>
      <c r="CK64" s="192"/>
      <c r="CL64" s="192"/>
      <c r="CM64" s="192"/>
      <c r="CN64" s="192"/>
      <c r="CO64" s="192"/>
      <c r="CP64" s="192"/>
      <c r="CQ64" s="192"/>
      <c r="CR64" s="192"/>
      <c r="CS64" s="186"/>
      <c r="CT64" s="186"/>
      <c r="CU64" s="186"/>
      <c r="CV64" s="192"/>
      <c r="CW64" s="192"/>
      <c r="CX64" s="192"/>
      <c r="CY64" s="201"/>
      <c r="CZ64" s="201"/>
      <c r="DA64" s="201"/>
      <c r="DB64" s="140"/>
      <c r="DC64" s="140"/>
    </row>
    <row r="65" spans="1:107" s="130" customFormat="1" ht="17.25" customHeight="1" x14ac:dyDescent="0.25">
      <c r="A65" s="185"/>
      <c r="B65" s="206"/>
      <c r="C65" s="205"/>
      <c r="D65" s="205"/>
      <c r="E65" s="205"/>
      <c r="F65" s="205"/>
      <c r="G65" s="205"/>
      <c r="H65" s="205"/>
      <c r="I65" s="205"/>
      <c r="J65" s="205"/>
      <c r="K65" s="205"/>
      <c r="L65" s="205"/>
      <c r="M65" s="205"/>
      <c r="N65" s="205"/>
      <c r="O65" s="205"/>
      <c r="P65" s="205"/>
      <c r="Q65" s="205"/>
      <c r="R65" s="205"/>
      <c r="S65" s="205"/>
      <c r="T65" s="205"/>
      <c r="U65" s="205"/>
      <c r="V65" s="205"/>
      <c r="W65" s="205"/>
      <c r="X65" s="205"/>
      <c r="Y65" s="205"/>
      <c r="Z65" s="205"/>
      <c r="AA65" s="205"/>
      <c r="AB65" s="205"/>
      <c r="AC65" s="205"/>
      <c r="AD65" s="205"/>
      <c r="AE65" s="205"/>
      <c r="AF65" s="205"/>
      <c r="AG65" s="205"/>
      <c r="AH65" s="205"/>
      <c r="AI65" s="205"/>
      <c r="AJ65" s="203"/>
      <c r="AK65" s="203"/>
      <c r="AL65" s="203"/>
      <c r="AM65" s="203"/>
      <c r="AN65" s="203"/>
      <c r="AO65" s="203"/>
      <c r="AP65" s="203"/>
      <c r="AQ65" s="203"/>
      <c r="AR65" s="206"/>
      <c r="AS65" s="206"/>
      <c r="AT65" s="206"/>
      <c r="AU65" s="206"/>
      <c r="AV65" s="206"/>
      <c r="AW65" s="206"/>
      <c r="AX65" s="206"/>
      <c r="AY65" s="206"/>
      <c r="AZ65" s="206"/>
      <c r="BA65" s="206"/>
      <c r="BB65" s="206"/>
      <c r="BC65" s="206"/>
      <c r="BD65" s="206"/>
      <c r="BE65" s="206"/>
      <c r="BF65" s="206"/>
      <c r="BG65" s="206"/>
      <c r="BH65" s="206"/>
      <c r="BI65" s="206"/>
      <c r="BJ65" s="206"/>
      <c r="BK65" s="206"/>
      <c r="BL65" s="206"/>
      <c r="BM65" s="206"/>
      <c r="BN65" s="206"/>
      <c r="BO65" s="653"/>
      <c r="BP65" s="653"/>
      <c r="BQ65" s="653"/>
      <c r="BR65" s="653"/>
      <c r="BS65" s="653"/>
      <c r="BT65" s="653"/>
      <c r="BU65" s="653"/>
      <c r="BV65" s="653"/>
      <c r="BW65" s="653"/>
      <c r="BX65" s="653"/>
      <c r="BY65" s="653"/>
      <c r="BZ65" s="653"/>
      <c r="CA65" s="653"/>
      <c r="CB65" s="653"/>
      <c r="CC65" s="653"/>
      <c r="CD65" s="653"/>
      <c r="CE65" s="653"/>
      <c r="CF65" s="653"/>
      <c r="CG65" s="653"/>
      <c r="CH65" s="653"/>
      <c r="CI65" s="192"/>
      <c r="CJ65" s="192"/>
      <c r="CK65" s="192"/>
      <c r="CL65" s="192"/>
      <c r="CM65" s="192"/>
      <c r="CN65" s="192"/>
      <c r="CO65" s="192"/>
      <c r="CP65" s="192"/>
      <c r="CQ65" s="192"/>
      <c r="CR65" s="192"/>
      <c r="CS65" s="186"/>
      <c r="CT65" s="186"/>
      <c r="CU65" s="186"/>
      <c r="CV65" s="192"/>
      <c r="CW65" s="192"/>
      <c r="CX65" s="192"/>
      <c r="CY65" s="201"/>
      <c r="CZ65" s="201"/>
      <c r="DA65" s="201"/>
      <c r="DB65" s="140"/>
      <c r="DC65" s="140"/>
    </row>
    <row r="66" spans="1:107" s="130" customFormat="1" ht="17.25" customHeight="1" thickBot="1" x14ac:dyDescent="0.3">
      <c r="A66" s="185"/>
      <c r="B66" s="206"/>
      <c r="C66" s="205"/>
      <c r="D66" s="205"/>
      <c r="E66" s="205"/>
      <c r="F66" s="205"/>
      <c r="G66" s="205"/>
      <c r="H66" s="205"/>
      <c r="I66" s="205"/>
      <c r="J66" s="205"/>
      <c r="K66" s="205"/>
      <c r="L66" s="205"/>
      <c r="M66" s="205"/>
      <c r="N66" s="205"/>
      <c r="O66" s="205"/>
      <c r="P66" s="205"/>
      <c r="Q66" s="205"/>
      <c r="R66" s="205"/>
      <c r="S66" s="205"/>
      <c r="T66" s="205"/>
      <c r="U66" s="205"/>
      <c r="V66" s="205"/>
      <c r="W66" s="205"/>
      <c r="X66" s="205"/>
      <c r="Y66" s="205"/>
      <c r="Z66" s="205"/>
      <c r="AA66" s="205"/>
      <c r="AB66" s="205"/>
      <c r="AC66" s="205"/>
      <c r="AD66" s="205"/>
      <c r="AE66" s="205"/>
      <c r="AF66" s="205"/>
      <c r="AG66" s="205"/>
      <c r="AH66" s="205"/>
      <c r="AI66" s="205"/>
      <c r="AJ66" s="203"/>
      <c r="AK66" s="203"/>
      <c r="AL66" s="203"/>
      <c r="AM66" s="203"/>
      <c r="AN66" s="203"/>
      <c r="AO66" s="203"/>
      <c r="AP66" s="203"/>
      <c r="AQ66" s="203"/>
      <c r="AR66" s="206"/>
      <c r="AS66" s="206"/>
      <c r="AT66" s="206"/>
      <c r="AU66" s="206"/>
      <c r="AV66" s="206"/>
      <c r="AW66" s="206"/>
      <c r="AX66" s="206"/>
      <c r="AY66" s="206"/>
      <c r="AZ66" s="206"/>
      <c r="BA66" s="206"/>
      <c r="BB66" s="206"/>
      <c r="BC66" s="206"/>
      <c r="BD66" s="206"/>
      <c r="BE66" s="206"/>
      <c r="BF66" s="206"/>
      <c r="BG66" s="206"/>
      <c r="BH66" s="206"/>
      <c r="BI66" s="206"/>
      <c r="BJ66" s="206"/>
      <c r="BK66" s="206"/>
      <c r="BL66" s="206"/>
      <c r="BM66" s="206"/>
      <c r="BN66" s="206"/>
      <c r="BO66" s="654"/>
      <c r="BP66" s="654"/>
      <c r="BQ66" s="654"/>
      <c r="BR66" s="654"/>
      <c r="BS66" s="654"/>
      <c r="BT66" s="654"/>
      <c r="BU66" s="654"/>
      <c r="BV66" s="654"/>
      <c r="BW66" s="654"/>
      <c r="BX66" s="654"/>
      <c r="BY66" s="654"/>
      <c r="BZ66" s="654"/>
      <c r="CA66" s="654"/>
      <c r="CB66" s="654"/>
      <c r="CC66" s="654"/>
      <c r="CD66" s="654"/>
      <c r="CE66" s="654"/>
      <c r="CF66" s="654"/>
      <c r="CG66" s="654"/>
      <c r="CH66" s="654"/>
      <c r="CI66" s="192"/>
      <c r="CJ66" s="192"/>
      <c r="CK66" s="192"/>
      <c r="CL66" s="192"/>
      <c r="CM66" s="192"/>
      <c r="CN66" s="192"/>
      <c r="CO66" s="192"/>
      <c r="CP66" s="192"/>
      <c r="CQ66" s="192"/>
      <c r="CR66" s="192"/>
      <c r="CS66" s="186"/>
      <c r="CT66" s="186"/>
      <c r="CU66" s="186"/>
      <c r="CV66" s="192"/>
      <c r="CW66" s="192"/>
      <c r="CX66" s="192"/>
      <c r="CY66" s="201"/>
      <c r="CZ66" s="201"/>
      <c r="DA66" s="201"/>
      <c r="DB66" s="140"/>
      <c r="DC66" s="140"/>
    </row>
    <row r="67" spans="1:107" s="130" customFormat="1" ht="17.25" customHeight="1" thickTop="1" x14ac:dyDescent="0.25">
      <c r="A67" s="185"/>
      <c r="B67" s="206"/>
      <c r="C67" s="205"/>
      <c r="D67" s="205"/>
      <c r="E67" s="205"/>
      <c r="F67" s="205"/>
      <c r="G67" s="205"/>
      <c r="H67" s="205"/>
      <c r="I67" s="205"/>
      <c r="J67" s="205"/>
      <c r="K67" s="205"/>
      <c r="L67" s="205"/>
      <c r="M67" s="205"/>
      <c r="N67" s="205"/>
      <c r="O67" s="205"/>
      <c r="P67" s="205"/>
      <c r="Q67" s="205"/>
      <c r="R67" s="205"/>
      <c r="S67" s="205"/>
      <c r="T67" s="205"/>
      <c r="U67" s="205"/>
      <c r="V67" s="205"/>
      <c r="W67" s="205"/>
      <c r="X67" s="205"/>
      <c r="Y67" s="205"/>
      <c r="Z67" s="205"/>
      <c r="AA67" s="205"/>
      <c r="AB67" s="205"/>
      <c r="AC67" s="205"/>
      <c r="AD67" s="205"/>
      <c r="AE67" s="205"/>
      <c r="AF67" s="205"/>
      <c r="AG67" s="205"/>
      <c r="AH67" s="205"/>
      <c r="AI67" s="205"/>
      <c r="AJ67" s="203"/>
      <c r="AK67" s="203"/>
      <c r="AL67" s="203"/>
      <c r="AM67" s="203"/>
      <c r="AN67" s="203"/>
      <c r="AO67" s="203"/>
      <c r="AP67" s="203"/>
      <c r="AQ67" s="203"/>
      <c r="AR67" s="206"/>
      <c r="AS67" s="206"/>
      <c r="AT67" s="206"/>
      <c r="AU67" s="206"/>
      <c r="AV67" s="206"/>
      <c r="AW67" s="206"/>
      <c r="AX67" s="206"/>
      <c r="AY67" s="206"/>
      <c r="AZ67" s="206"/>
      <c r="BA67" s="206"/>
      <c r="BB67" s="206"/>
      <c r="BC67" s="206"/>
      <c r="BD67" s="206"/>
      <c r="BE67" s="206"/>
      <c r="BF67" s="206"/>
      <c r="BG67" s="206"/>
      <c r="BH67" s="206"/>
      <c r="BI67" s="206"/>
      <c r="BJ67" s="206"/>
      <c r="BK67" s="206"/>
      <c r="BL67" s="206"/>
      <c r="BM67" s="206"/>
      <c r="BN67" s="206"/>
      <c r="BO67" s="206"/>
      <c r="BP67" s="206"/>
      <c r="BQ67" s="206"/>
      <c r="BR67" s="206"/>
      <c r="BS67" s="206"/>
      <c r="BT67" s="206"/>
      <c r="BU67" s="206"/>
      <c r="BV67" s="206"/>
      <c r="BW67" s="206"/>
      <c r="BX67" s="206"/>
      <c r="BY67" s="206"/>
      <c r="BZ67" s="206"/>
      <c r="CA67" s="206"/>
      <c r="CB67" s="206"/>
      <c r="CC67" s="206"/>
      <c r="CD67" s="206"/>
      <c r="CE67" s="192"/>
      <c r="CF67" s="192"/>
      <c r="CG67" s="192"/>
      <c r="CH67" s="192"/>
      <c r="CI67" s="192"/>
      <c r="CJ67" s="192"/>
      <c r="CK67" s="192"/>
      <c r="CL67" s="192"/>
      <c r="CM67" s="192"/>
      <c r="CN67" s="192"/>
      <c r="CO67" s="192"/>
      <c r="CP67" s="192"/>
      <c r="CQ67" s="192"/>
      <c r="CR67" s="192"/>
      <c r="CS67" s="186"/>
      <c r="CT67" s="186"/>
      <c r="CU67" s="186"/>
      <c r="CV67" s="192"/>
      <c r="CW67" s="192"/>
      <c r="CX67" s="192"/>
      <c r="CY67" s="201"/>
      <c r="CZ67" s="201"/>
      <c r="DA67" s="201"/>
      <c r="DB67" s="140"/>
      <c r="DC67" s="140"/>
    </row>
    <row r="68" spans="1:107" s="130" customFormat="1" ht="17.25" customHeight="1" x14ac:dyDescent="0.25">
      <c r="A68" s="185"/>
      <c r="B68" s="206"/>
      <c r="C68" s="205"/>
      <c r="D68" s="205"/>
      <c r="E68" s="205"/>
      <c r="F68" s="205"/>
      <c r="G68" s="205"/>
      <c r="H68" s="205"/>
      <c r="I68" s="205"/>
      <c r="J68" s="205"/>
      <c r="K68" s="205"/>
      <c r="L68" s="205"/>
      <c r="M68" s="205"/>
      <c r="N68" s="205"/>
      <c r="O68" s="205"/>
      <c r="P68" s="205"/>
      <c r="Q68" s="205"/>
      <c r="R68" s="205"/>
      <c r="S68" s="205"/>
      <c r="T68" s="205"/>
      <c r="U68" s="205"/>
      <c r="V68" s="205"/>
      <c r="W68" s="205"/>
      <c r="X68" s="205"/>
      <c r="Y68" s="205"/>
      <c r="Z68" s="205"/>
      <c r="AA68" s="205"/>
      <c r="AB68" s="205"/>
      <c r="AC68" s="205"/>
      <c r="AD68" s="205"/>
      <c r="AE68" s="205"/>
      <c r="AF68" s="205"/>
      <c r="AG68" s="205"/>
      <c r="AH68" s="205"/>
      <c r="AI68" s="205"/>
      <c r="AJ68" s="203"/>
      <c r="AK68" s="203"/>
      <c r="AL68" s="203"/>
      <c r="AM68" s="203"/>
      <c r="AN68" s="203"/>
      <c r="AO68" s="203"/>
      <c r="AP68" s="203"/>
      <c r="AQ68" s="203"/>
      <c r="AR68" s="206"/>
      <c r="AS68" s="206"/>
      <c r="AT68" s="206"/>
      <c r="AU68" s="206"/>
      <c r="AV68" s="206"/>
      <c r="AW68" s="206"/>
      <c r="AX68" s="206"/>
      <c r="AY68" s="206"/>
      <c r="AZ68" s="206"/>
      <c r="BA68" s="206"/>
      <c r="BB68" s="206"/>
      <c r="BC68" s="206"/>
      <c r="BD68" s="206"/>
      <c r="BE68" s="206"/>
      <c r="BF68" s="206"/>
      <c r="BG68" s="206"/>
      <c r="BH68" s="206"/>
      <c r="BI68" s="206"/>
      <c r="BJ68" s="206"/>
      <c r="BK68" s="206"/>
      <c r="BL68" s="206"/>
      <c r="BM68" s="206"/>
      <c r="BN68" s="206"/>
      <c r="BO68" s="206"/>
      <c r="BP68" s="206"/>
      <c r="BQ68" s="206"/>
      <c r="BR68" s="206"/>
      <c r="BS68" s="206"/>
      <c r="BT68" s="206"/>
      <c r="BU68" s="206"/>
      <c r="BV68" s="206"/>
      <c r="BW68" s="206"/>
      <c r="BX68" s="206"/>
      <c r="BY68" s="206"/>
      <c r="BZ68" s="206"/>
      <c r="CA68" s="206"/>
      <c r="CB68" s="206"/>
      <c r="CC68" s="206"/>
      <c r="CD68" s="206"/>
      <c r="CE68" s="192"/>
      <c r="CF68" s="192"/>
      <c r="CG68" s="192"/>
      <c r="CH68" s="192"/>
      <c r="CI68" s="192"/>
      <c r="CJ68" s="192"/>
      <c r="CK68" s="192"/>
      <c r="CL68" s="192"/>
      <c r="CM68" s="192"/>
      <c r="CN68" s="192"/>
      <c r="CO68" s="192"/>
      <c r="CP68" s="192"/>
      <c r="CQ68" s="192"/>
      <c r="CR68" s="192"/>
      <c r="CS68" s="186"/>
      <c r="CT68" s="186"/>
      <c r="CU68" s="186"/>
      <c r="CV68" s="192"/>
      <c r="CW68" s="192"/>
      <c r="CX68" s="192"/>
      <c r="CY68" s="201"/>
      <c r="CZ68" s="201"/>
      <c r="DA68" s="201"/>
      <c r="DB68" s="140"/>
      <c r="DC68" s="140"/>
    </row>
    <row r="69" spans="1:107" s="130" customFormat="1" ht="17.25" customHeight="1" x14ac:dyDescent="0.25">
      <c r="A69" s="185"/>
      <c r="B69" s="207"/>
      <c r="C69" s="208"/>
      <c r="D69" s="207"/>
      <c r="E69" s="205"/>
      <c r="F69" s="205"/>
      <c r="G69" s="205"/>
      <c r="H69" s="205"/>
      <c r="I69" s="205"/>
      <c r="J69" s="205"/>
      <c r="K69" s="205"/>
      <c r="L69" s="205"/>
      <c r="M69" s="205"/>
      <c r="N69" s="205"/>
      <c r="O69" s="205"/>
      <c r="P69" s="205"/>
      <c r="Q69" s="205"/>
      <c r="R69" s="205"/>
      <c r="S69" s="205"/>
      <c r="T69" s="205"/>
      <c r="U69" s="205"/>
      <c r="V69" s="205"/>
      <c r="W69" s="205"/>
      <c r="X69" s="205"/>
      <c r="Y69" s="205"/>
      <c r="Z69" s="205"/>
      <c r="AA69" s="205"/>
      <c r="AB69" s="205"/>
      <c r="AC69" s="205"/>
      <c r="AD69" s="205"/>
      <c r="AE69" s="205"/>
      <c r="AF69" s="205"/>
      <c r="AG69" s="205"/>
      <c r="AH69" s="205"/>
      <c r="AI69" s="205"/>
      <c r="AJ69" s="203"/>
      <c r="AK69" s="203"/>
      <c r="AL69" s="203"/>
      <c r="AM69" s="203"/>
      <c r="AN69" s="203"/>
      <c r="AO69" s="203"/>
      <c r="AP69" s="203"/>
      <c r="AQ69" s="203"/>
      <c r="AR69" s="206"/>
      <c r="AS69" s="206"/>
      <c r="AT69" s="206"/>
      <c r="AU69" s="206"/>
      <c r="AV69" s="207"/>
      <c r="AW69" s="207"/>
      <c r="AX69" s="207"/>
      <c r="AY69" s="207"/>
      <c r="AZ69" s="207"/>
      <c r="BA69" s="207"/>
      <c r="BB69" s="207"/>
      <c r="BC69" s="207"/>
      <c r="BD69" s="207"/>
      <c r="BE69" s="207"/>
      <c r="BF69" s="207"/>
      <c r="BG69" s="207"/>
      <c r="BH69" s="207"/>
      <c r="BI69" s="207"/>
      <c r="BJ69" s="207"/>
      <c r="BK69" s="207"/>
      <c r="BL69" s="207"/>
      <c r="BM69" s="207"/>
      <c r="BN69" s="207"/>
      <c r="BO69" s="207"/>
      <c r="BP69" s="207"/>
      <c r="BQ69" s="207"/>
      <c r="BR69" s="207"/>
      <c r="BS69" s="207"/>
      <c r="BT69" s="207"/>
      <c r="BU69" s="207"/>
      <c r="BV69" s="207"/>
      <c r="BW69" s="207"/>
      <c r="BX69" s="207"/>
      <c r="BY69" s="207"/>
      <c r="BZ69" s="207"/>
      <c r="CA69" s="207"/>
      <c r="CB69" s="207"/>
      <c r="CC69" s="207"/>
      <c r="CD69" s="207"/>
      <c r="CE69" s="187"/>
      <c r="CF69" s="187"/>
      <c r="CG69" s="187"/>
      <c r="CH69" s="187"/>
      <c r="CI69" s="187"/>
      <c r="CJ69" s="187"/>
      <c r="CK69" s="187"/>
      <c r="CL69" s="187"/>
      <c r="CM69" s="187"/>
      <c r="CN69" s="187"/>
      <c r="CO69" s="187"/>
      <c r="CP69" s="192"/>
      <c r="CQ69" s="192"/>
      <c r="CR69" s="192"/>
      <c r="CS69" s="186"/>
      <c r="CT69" s="186"/>
      <c r="CU69" s="186"/>
      <c r="CV69" s="192"/>
      <c r="CW69" s="192"/>
      <c r="CX69" s="192"/>
      <c r="CY69" s="201"/>
      <c r="CZ69" s="201"/>
      <c r="DA69" s="201"/>
      <c r="DB69" s="140"/>
      <c r="DC69" s="140"/>
    </row>
    <row r="70" spans="1:107" s="157" customFormat="1" ht="26.25" customHeight="1" x14ac:dyDescent="0.25">
      <c r="A70" s="147"/>
      <c r="B70" s="148"/>
      <c r="C70" s="148"/>
      <c r="D70" s="148"/>
      <c r="E70" s="148"/>
      <c r="F70" s="148"/>
      <c r="G70" s="149"/>
      <c r="H70" s="149"/>
      <c r="I70" s="149"/>
      <c r="J70" s="149"/>
      <c r="K70" s="149"/>
      <c r="L70" s="149"/>
      <c r="M70" s="149"/>
      <c r="N70" s="149"/>
      <c r="O70" s="149"/>
      <c r="P70" s="149"/>
      <c r="Q70" s="149"/>
      <c r="R70" s="149"/>
      <c r="S70" s="149"/>
      <c r="T70" s="149"/>
      <c r="U70" s="149"/>
      <c r="V70" s="149"/>
      <c r="W70" s="149"/>
      <c r="X70" s="149"/>
      <c r="Y70" s="149"/>
      <c r="Z70" s="149"/>
      <c r="AA70" s="149"/>
      <c r="AB70" s="149"/>
      <c r="AC70" s="149"/>
      <c r="AD70" s="149"/>
      <c r="AE70" s="149"/>
      <c r="AF70" s="149"/>
      <c r="AG70" s="149"/>
      <c r="AH70" s="149"/>
      <c r="AI70" s="149"/>
      <c r="AJ70" s="150"/>
      <c r="AK70" s="150"/>
      <c r="AL70" s="150"/>
      <c r="AM70" s="150"/>
      <c r="AN70" s="150"/>
      <c r="AO70" s="150"/>
      <c r="AP70" s="150"/>
      <c r="AQ70" s="150"/>
      <c r="AR70" s="151"/>
      <c r="AS70" s="151"/>
      <c r="AT70" s="151"/>
      <c r="AU70" s="151"/>
      <c r="AV70" s="151"/>
      <c r="AW70" s="151"/>
      <c r="AX70" s="151"/>
      <c r="AY70" s="151"/>
      <c r="AZ70" s="151"/>
      <c r="BA70" s="151"/>
      <c r="BB70" s="151"/>
      <c r="BC70" s="151"/>
      <c r="BD70" s="151"/>
      <c r="BE70" s="151"/>
      <c r="BF70" s="151"/>
      <c r="BG70" s="151"/>
      <c r="BH70" s="151"/>
      <c r="BI70" s="151"/>
      <c r="BJ70" s="151"/>
      <c r="BK70" s="151"/>
      <c r="BL70" s="151"/>
      <c r="BM70" s="151"/>
      <c r="BN70" s="151"/>
      <c r="BO70" s="151"/>
      <c r="BP70" s="151"/>
      <c r="BQ70" s="151"/>
      <c r="BR70" s="151"/>
      <c r="BS70" s="151"/>
      <c r="BT70" s="151"/>
      <c r="BU70" s="151"/>
      <c r="BV70" s="151"/>
      <c r="BW70" s="151"/>
      <c r="BX70" s="151"/>
      <c r="BY70" s="151"/>
      <c r="BZ70" s="151"/>
      <c r="CA70" s="151"/>
      <c r="CB70" s="151"/>
      <c r="CC70" s="151"/>
      <c r="CD70" s="151"/>
      <c r="CE70" s="151"/>
      <c r="CF70" s="151"/>
      <c r="CG70" s="151"/>
      <c r="CH70" s="151"/>
      <c r="CI70" s="151"/>
      <c r="CJ70" s="151"/>
      <c r="CK70" s="151"/>
      <c r="CL70" s="151"/>
      <c r="CM70" s="151"/>
      <c r="CN70" s="151"/>
      <c r="CO70" s="151"/>
      <c r="CP70" s="152"/>
      <c r="CQ70" s="152"/>
      <c r="CR70" s="153"/>
      <c r="CS70" s="154"/>
      <c r="CT70" s="154"/>
      <c r="CU70" s="154"/>
      <c r="CV70" s="155"/>
      <c r="CW70" s="155"/>
      <c r="CX70" s="155"/>
      <c r="CY70" s="154"/>
      <c r="CZ70" s="154"/>
      <c r="DA70" s="154"/>
      <c r="DB70" s="156"/>
      <c r="DC70" s="156"/>
    </row>
    <row r="71" spans="1:107" s="157" customFormat="1" ht="26.25" customHeight="1" x14ac:dyDescent="0.25">
      <c r="A71" s="147"/>
      <c r="B71" s="148"/>
      <c r="C71" s="148"/>
      <c r="D71" s="148"/>
      <c r="E71" s="148"/>
      <c r="F71" s="148"/>
      <c r="G71" s="149"/>
      <c r="H71" s="149"/>
      <c r="I71" s="149"/>
      <c r="J71" s="149"/>
      <c r="K71" s="149"/>
      <c r="L71" s="149"/>
      <c r="M71" s="149"/>
      <c r="N71" s="149"/>
      <c r="O71" s="149"/>
      <c r="P71" s="149"/>
      <c r="Q71" s="149"/>
      <c r="R71" s="149"/>
      <c r="S71" s="149"/>
      <c r="T71" s="149"/>
      <c r="U71" s="149"/>
      <c r="V71" s="149"/>
      <c r="W71" s="149"/>
      <c r="X71" s="149"/>
      <c r="Y71" s="149"/>
      <c r="Z71" s="149"/>
      <c r="AA71" s="149"/>
      <c r="AB71" s="149"/>
      <c r="AC71" s="149"/>
      <c r="AD71" s="149"/>
      <c r="AE71" s="149"/>
      <c r="AF71" s="149"/>
      <c r="AG71" s="149"/>
      <c r="AH71" s="149"/>
      <c r="AI71" s="149"/>
      <c r="AJ71" s="150"/>
      <c r="AK71" s="150"/>
      <c r="AL71" s="150"/>
      <c r="AM71" s="150"/>
      <c r="AN71" s="150"/>
      <c r="AO71" s="150"/>
      <c r="AP71" s="150"/>
      <c r="AQ71" s="150"/>
      <c r="AR71" s="151"/>
      <c r="AS71" s="151"/>
      <c r="AT71" s="151"/>
      <c r="AU71" s="151"/>
      <c r="AV71" s="151"/>
      <c r="AW71" s="151"/>
      <c r="AX71" s="151"/>
      <c r="AY71" s="151"/>
      <c r="AZ71" s="151"/>
      <c r="BA71" s="151"/>
      <c r="BB71" s="151"/>
      <c r="BC71" s="151"/>
      <c r="BD71" s="151"/>
      <c r="BE71" s="151"/>
      <c r="BF71" s="151"/>
      <c r="BG71" s="151"/>
      <c r="BH71" s="151"/>
      <c r="BI71" s="151"/>
      <c r="BJ71" s="151"/>
      <c r="BK71" s="151"/>
      <c r="BL71" s="151"/>
      <c r="BM71" s="151"/>
      <c r="BN71" s="151"/>
      <c r="BO71" s="151"/>
      <c r="BP71" s="151"/>
      <c r="BQ71" s="151"/>
      <c r="BR71" s="151"/>
      <c r="BS71" s="151"/>
      <c r="BT71" s="151"/>
      <c r="BU71" s="151"/>
      <c r="BV71" s="151"/>
      <c r="BW71" s="151"/>
      <c r="BX71" s="151"/>
      <c r="BY71" s="151"/>
      <c r="BZ71" s="151"/>
      <c r="CA71" s="151"/>
      <c r="CB71" s="151"/>
      <c r="CC71" s="151"/>
      <c r="CD71" s="151"/>
      <c r="CE71" s="151"/>
      <c r="CF71" s="151"/>
      <c r="CG71" s="151"/>
      <c r="CH71" s="151"/>
      <c r="CI71" s="151"/>
      <c r="CJ71" s="151"/>
      <c r="CK71" s="151"/>
      <c r="CL71" s="151"/>
      <c r="CM71" s="151"/>
      <c r="CN71" s="151"/>
      <c r="CO71" s="151"/>
      <c r="CP71" s="152"/>
      <c r="CQ71" s="152"/>
      <c r="CR71" s="153"/>
      <c r="CS71" s="154"/>
      <c r="CT71" s="154"/>
      <c r="CU71" s="154"/>
      <c r="CV71" s="155"/>
      <c r="CW71" s="155"/>
      <c r="CX71" s="155"/>
      <c r="CY71" s="154"/>
      <c r="CZ71" s="154"/>
      <c r="DA71" s="154"/>
      <c r="DB71" s="156"/>
      <c r="DC71" s="156"/>
    </row>
    <row r="72" spans="1:107" s="148" customFormat="1" ht="26.25" customHeight="1" x14ac:dyDescent="0.2">
      <c r="B72" s="148" t="s">
        <v>22</v>
      </c>
      <c r="DB72" s="158"/>
      <c r="DC72" s="158"/>
    </row>
    <row r="73" spans="1:107" s="148" customFormat="1" ht="26.25" customHeight="1" x14ac:dyDescent="0.2">
      <c r="B73" s="148" t="s">
        <v>91</v>
      </c>
      <c r="DB73" s="158"/>
      <c r="DC73" s="158"/>
    </row>
    <row r="74" spans="1:107" s="148" customFormat="1" ht="26.25" customHeight="1" x14ac:dyDescent="0.2">
      <c r="DB74" s="158"/>
      <c r="DC74" s="158"/>
    </row>
    <row r="75" spans="1:107" s="148" customFormat="1" ht="26.25" customHeight="1" x14ac:dyDescent="0.2">
      <c r="B75" s="148" t="s">
        <v>111</v>
      </c>
      <c r="DB75" s="158"/>
      <c r="DC75" s="158"/>
    </row>
    <row r="76" spans="1:107" s="148" customFormat="1" ht="26.25" customHeight="1" x14ac:dyDescent="0.2">
      <c r="DB76" s="158"/>
      <c r="DC76" s="158"/>
    </row>
    <row r="77" spans="1:107" s="162" customFormat="1" ht="26.25" customHeight="1" x14ac:dyDescent="0.25">
      <c r="A77" s="159"/>
      <c r="B77" s="160" t="s">
        <v>110</v>
      </c>
      <c r="C77" s="160"/>
      <c r="D77" s="160"/>
      <c r="E77" s="160"/>
      <c r="F77" s="160"/>
      <c r="G77" s="160"/>
      <c r="H77" s="160"/>
      <c r="I77" s="160"/>
      <c r="J77" s="160"/>
      <c r="K77" s="160"/>
      <c r="L77" s="160"/>
      <c r="M77" s="160"/>
      <c r="N77" s="160"/>
      <c r="O77" s="160"/>
      <c r="P77" s="160"/>
      <c r="Q77" s="160"/>
      <c r="R77" s="160"/>
      <c r="S77" s="160"/>
      <c r="T77" s="160"/>
      <c r="U77" s="160"/>
      <c r="V77" s="160"/>
      <c r="W77" s="160"/>
      <c r="X77" s="160"/>
      <c r="Y77" s="160"/>
      <c r="Z77" s="160"/>
      <c r="AA77" s="160"/>
      <c r="AB77" s="160"/>
      <c r="AC77" s="160"/>
      <c r="AD77" s="160"/>
      <c r="AE77" s="160"/>
      <c r="AF77" s="160"/>
      <c r="AG77" s="160"/>
      <c r="AH77" s="160"/>
      <c r="AI77" s="160"/>
      <c r="AJ77" s="160"/>
      <c r="AK77" s="161"/>
      <c r="AL77" s="161"/>
      <c r="AM77" s="161"/>
      <c r="AN77" s="161"/>
      <c r="AO77" s="161"/>
      <c r="DB77" s="163"/>
      <c r="DC77" s="163"/>
    </row>
    <row r="78" spans="1:107" s="162" customFormat="1" ht="26.25" customHeight="1" x14ac:dyDescent="0.25">
      <c r="A78" s="159"/>
      <c r="B78" s="160" t="s">
        <v>173</v>
      </c>
      <c r="C78" s="160"/>
      <c r="D78" s="160"/>
      <c r="E78" s="160"/>
      <c r="F78" s="160"/>
      <c r="G78" s="160"/>
      <c r="H78" s="160"/>
      <c r="I78" s="160"/>
      <c r="J78" s="160"/>
      <c r="K78" s="160"/>
      <c r="L78" s="160"/>
      <c r="M78" s="160"/>
      <c r="N78" s="160"/>
      <c r="O78" s="160"/>
      <c r="P78" s="160"/>
      <c r="Q78" s="160"/>
      <c r="R78" s="160"/>
      <c r="S78" s="160"/>
      <c r="T78" s="160"/>
      <c r="U78" s="160"/>
      <c r="V78" s="160"/>
      <c r="W78" s="160"/>
      <c r="X78" s="160"/>
      <c r="Y78" s="160"/>
      <c r="Z78" s="160"/>
      <c r="AA78" s="160"/>
      <c r="AB78" s="160"/>
      <c r="AC78" s="160"/>
      <c r="AD78" s="160"/>
      <c r="AE78" s="160"/>
      <c r="AF78" s="160"/>
      <c r="AG78" s="160"/>
      <c r="AH78" s="160"/>
      <c r="AI78" s="160"/>
      <c r="AJ78" s="160"/>
      <c r="AK78" s="161"/>
      <c r="AL78" s="161"/>
      <c r="AM78" s="161"/>
      <c r="AN78" s="161"/>
      <c r="AO78" s="161"/>
      <c r="DB78" s="163"/>
      <c r="DC78" s="163"/>
    </row>
    <row r="79" spans="1:107" s="162" customFormat="1" ht="26.25" customHeight="1" x14ac:dyDescent="0.25">
      <c r="A79" s="159"/>
      <c r="B79" s="160" t="s">
        <v>188</v>
      </c>
      <c r="C79" s="160"/>
      <c r="D79" s="160"/>
      <c r="E79" s="160"/>
      <c r="F79" s="160"/>
      <c r="G79" s="160"/>
      <c r="H79" s="160"/>
      <c r="I79" s="160"/>
      <c r="J79" s="160"/>
      <c r="K79" s="160"/>
      <c r="L79" s="160"/>
      <c r="M79" s="160"/>
      <c r="N79" s="160"/>
      <c r="O79" s="160"/>
      <c r="P79" s="160"/>
      <c r="Q79" s="160"/>
      <c r="R79" s="160"/>
      <c r="S79" s="160"/>
      <c r="T79" s="160"/>
      <c r="U79" s="160"/>
      <c r="V79" s="160"/>
      <c r="W79" s="160"/>
      <c r="X79" s="160"/>
      <c r="Y79" s="160"/>
      <c r="Z79" s="160"/>
      <c r="AA79" s="160"/>
      <c r="AB79" s="160"/>
      <c r="AC79" s="160"/>
      <c r="AD79" s="160"/>
      <c r="AE79" s="160"/>
      <c r="AF79" s="160"/>
      <c r="AG79" s="160"/>
      <c r="AH79" s="160"/>
      <c r="AI79" s="160"/>
      <c r="AJ79" s="160"/>
      <c r="AK79" s="161"/>
      <c r="AL79" s="161"/>
      <c r="AM79" s="161"/>
      <c r="AN79" s="161"/>
      <c r="AO79" s="161"/>
      <c r="DB79" s="163"/>
      <c r="DC79" s="163"/>
    </row>
    <row r="80" spans="1:107" s="162" customFormat="1" ht="26.25" customHeight="1" x14ac:dyDescent="0.25">
      <c r="A80" s="159"/>
      <c r="B80" s="160" t="s">
        <v>189</v>
      </c>
      <c r="C80" s="160"/>
      <c r="D80" s="160"/>
      <c r="E80" s="160"/>
      <c r="F80" s="160"/>
      <c r="G80" s="160"/>
      <c r="H80" s="160"/>
      <c r="I80" s="160"/>
      <c r="J80" s="160"/>
      <c r="K80" s="160"/>
      <c r="L80" s="160"/>
      <c r="M80" s="160"/>
      <c r="N80" s="160"/>
      <c r="O80" s="160"/>
      <c r="P80" s="160"/>
      <c r="Q80" s="160"/>
      <c r="R80" s="160"/>
      <c r="S80" s="160"/>
      <c r="T80" s="160"/>
      <c r="U80" s="160"/>
      <c r="V80" s="160"/>
      <c r="W80" s="160"/>
      <c r="X80" s="160"/>
      <c r="Y80" s="160"/>
      <c r="Z80" s="160"/>
      <c r="AA80" s="160"/>
      <c r="AB80" s="160"/>
      <c r="AC80" s="160"/>
      <c r="AD80" s="160"/>
      <c r="AE80" s="160"/>
      <c r="AF80" s="160"/>
      <c r="AG80" s="160"/>
      <c r="AH80" s="160"/>
      <c r="AI80" s="160"/>
      <c r="AJ80" s="160"/>
      <c r="AK80" s="161"/>
      <c r="AL80" s="161"/>
      <c r="AM80" s="161"/>
      <c r="AN80" s="161"/>
      <c r="AO80" s="161"/>
      <c r="DB80" s="163"/>
      <c r="DC80" s="163"/>
    </row>
    <row r="81" spans="1:107" s="162" customFormat="1" ht="26.25" customHeight="1" x14ac:dyDescent="0.25">
      <c r="A81" s="159"/>
      <c r="B81" s="160" t="s">
        <v>201</v>
      </c>
      <c r="C81" s="160"/>
      <c r="D81" s="160"/>
      <c r="E81" s="160"/>
      <c r="F81" s="160"/>
      <c r="G81" s="160"/>
      <c r="H81" s="160"/>
      <c r="I81" s="160"/>
      <c r="J81" s="160"/>
      <c r="K81" s="160"/>
      <c r="L81" s="160"/>
      <c r="M81" s="160"/>
      <c r="N81" s="160"/>
      <c r="O81" s="160"/>
      <c r="P81" s="160"/>
      <c r="Q81" s="160"/>
      <c r="R81" s="160"/>
      <c r="S81" s="160"/>
      <c r="T81" s="160"/>
      <c r="U81" s="160"/>
      <c r="V81" s="160"/>
      <c r="W81" s="160"/>
      <c r="X81" s="160"/>
      <c r="Y81" s="160"/>
      <c r="Z81" s="160"/>
      <c r="AA81" s="160"/>
      <c r="AB81" s="160"/>
      <c r="AC81" s="160"/>
      <c r="AD81" s="160"/>
      <c r="AE81" s="160"/>
      <c r="AF81" s="160"/>
      <c r="AG81" s="160"/>
      <c r="AH81" s="160"/>
      <c r="AI81" s="160"/>
      <c r="AJ81" s="160"/>
      <c r="AK81" s="161"/>
      <c r="AL81" s="161"/>
      <c r="AM81" s="161"/>
      <c r="AN81" s="161"/>
      <c r="AO81" s="161"/>
      <c r="DB81" s="163"/>
      <c r="DC81" s="163"/>
    </row>
    <row r="82" spans="1:107" s="162" customFormat="1" ht="26.25" customHeight="1" x14ac:dyDescent="0.25">
      <c r="A82" s="159"/>
      <c r="B82" s="160" t="s">
        <v>187</v>
      </c>
      <c r="C82" s="160"/>
      <c r="D82" s="160"/>
      <c r="E82" s="160"/>
      <c r="F82" s="160"/>
      <c r="G82" s="160"/>
      <c r="H82" s="160"/>
      <c r="I82" s="160"/>
      <c r="J82" s="160"/>
      <c r="K82" s="160"/>
      <c r="L82" s="160"/>
      <c r="M82" s="160"/>
      <c r="N82" s="160"/>
      <c r="O82" s="160"/>
      <c r="P82" s="160"/>
      <c r="Q82" s="160"/>
      <c r="R82" s="160"/>
      <c r="S82" s="160"/>
      <c r="T82" s="160"/>
      <c r="U82" s="160"/>
      <c r="V82" s="160"/>
      <c r="W82" s="160"/>
      <c r="X82" s="160"/>
      <c r="Y82" s="160"/>
      <c r="Z82" s="160"/>
      <c r="AA82" s="160"/>
      <c r="AB82" s="160"/>
      <c r="AC82" s="160"/>
      <c r="AD82" s="160"/>
      <c r="AE82" s="160"/>
      <c r="AF82" s="160"/>
      <c r="AG82" s="160"/>
      <c r="AH82" s="160"/>
      <c r="AI82" s="160"/>
      <c r="AJ82" s="160"/>
      <c r="AK82" s="161"/>
      <c r="AL82" s="161"/>
      <c r="AM82" s="161"/>
      <c r="AN82" s="161"/>
      <c r="AO82" s="161"/>
      <c r="DB82" s="163"/>
      <c r="DC82" s="163"/>
    </row>
    <row r="83" spans="1:107" s="162" customFormat="1" ht="26.25" customHeight="1" x14ac:dyDescent="0.25">
      <c r="A83" s="159"/>
      <c r="B83" s="160" t="s">
        <v>174</v>
      </c>
      <c r="C83" s="160"/>
      <c r="E83" s="160"/>
      <c r="F83" s="160"/>
      <c r="G83" s="160"/>
      <c r="H83" s="160"/>
      <c r="I83" s="160"/>
      <c r="J83" s="160"/>
      <c r="K83" s="160"/>
      <c r="L83" s="160"/>
      <c r="M83" s="160"/>
      <c r="N83" s="160"/>
      <c r="O83" s="160"/>
      <c r="P83" s="160"/>
      <c r="Q83" s="160"/>
      <c r="R83" s="160"/>
      <c r="S83" s="160"/>
      <c r="T83" s="160"/>
      <c r="U83" s="160"/>
      <c r="V83" s="160"/>
      <c r="W83" s="160"/>
      <c r="X83" s="160"/>
      <c r="Y83" s="160"/>
      <c r="Z83" s="160"/>
      <c r="AA83" s="160"/>
      <c r="AB83" s="160"/>
      <c r="AC83" s="160"/>
      <c r="AD83" s="160"/>
      <c r="AE83" s="160"/>
      <c r="AF83" s="160"/>
      <c r="AG83" s="160"/>
      <c r="AH83" s="160"/>
      <c r="AI83" s="160"/>
      <c r="AJ83" s="160"/>
      <c r="AK83" s="161"/>
      <c r="AL83" s="161"/>
      <c r="AM83" s="161"/>
      <c r="AN83" s="161"/>
      <c r="AO83" s="161"/>
      <c r="DB83" s="163"/>
      <c r="DC83" s="163"/>
    </row>
    <row r="84" spans="1:107" s="162" customFormat="1" ht="26.25" customHeight="1" x14ac:dyDescent="0.25">
      <c r="A84" s="159"/>
      <c r="B84" s="160" t="s">
        <v>202</v>
      </c>
      <c r="C84" s="160"/>
      <c r="E84" s="160"/>
      <c r="F84" s="160"/>
      <c r="G84" s="160"/>
      <c r="H84" s="160"/>
      <c r="I84" s="160"/>
      <c r="J84" s="160"/>
      <c r="K84" s="160"/>
      <c r="L84" s="160"/>
      <c r="M84" s="160"/>
      <c r="N84" s="160"/>
      <c r="O84" s="160"/>
      <c r="P84" s="160"/>
      <c r="Q84" s="160"/>
      <c r="R84" s="160"/>
      <c r="S84" s="160"/>
      <c r="T84" s="160"/>
      <c r="U84" s="160"/>
      <c r="V84" s="160"/>
      <c r="W84" s="160"/>
      <c r="X84" s="160"/>
      <c r="Y84" s="160"/>
      <c r="Z84" s="160"/>
      <c r="AA84" s="160"/>
      <c r="AB84" s="160"/>
      <c r="AC84" s="160"/>
      <c r="AD84" s="160"/>
      <c r="AE84" s="160"/>
      <c r="AF84" s="160"/>
      <c r="AG84" s="160"/>
      <c r="AH84" s="160"/>
      <c r="AI84" s="160"/>
      <c r="AJ84" s="160"/>
      <c r="AK84" s="161"/>
      <c r="AL84" s="161"/>
      <c r="AM84" s="161"/>
      <c r="AN84" s="161"/>
      <c r="AO84" s="161"/>
      <c r="DB84" s="163"/>
      <c r="DC84" s="163"/>
    </row>
    <row r="85" spans="1:107" s="162" customFormat="1" ht="26.25" customHeight="1" x14ac:dyDescent="0.25">
      <c r="A85" s="159"/>
      <c r="B85" s="160" t="s">
        <v>175</v>
      </c>
      <c r="C85" s="160"/>
      <c r="E85" s="160"/>
      <c r="F85" s="160"/>
      <c r="G85" s="160"/>
      <c r="H85" s="160"/>
      <c r="I85" s="160"/>
      <c r="J85" s="160"/>
      <c r="K85" s="160"/>
      <c r="L85" s="160"/>
      <c r="M85" s="160"/>
      <c r="N85" s="160"/>
      <c r="O85" s="160"/>
      <c r="P85" s="160"/>
      <c r="Q85" s="160"/>
      <c r="R85" s="160"/>
      <c r="S85" s="160"/>
      <c r="T85" s="160"/>
      <c r="U85" s="160"/>
      <c r="V85" s="160"/>
      <c r="W85" s="160"/>
      <c r="X85" s="160"/>
      <c r="Y85" s="160"/>
      <c r="Z85" s="160"/>
      <c r="AA85" s="160"/>
      <c r="AB85" s="160"/>
      <c r="AC85" s="160"/>
      <c r="AD85" s="160"/>
      <c r="AE85" s="160"/>
      <c r="AF85" s="160"/>
      <c r="AG85" s="160"/>
      <c r="AH85" s="160"/>
      <c r="AI85" s="160"/>
      <c r="AJ85" s="160"/>
      <c r="AK85" s="161"/>
      <c r="AL85" s="161"/>
      <c r="AM85" s="161"/>
      <c r="AN85" s="161"/>
      <c r="AO85" s="161"/>
      <c r="DB85" s="163"/>
      <c r="DC85" s="163"/>
    </row>
    <row r="86" spans="1:107" s="162" customFormat="1" ht="26.25" customHeight="1" x14ac:dyDescent="0.25">
      <c r="A86" s="159"/>
      <c r="B86" s="160" t="s">
        <v>178</v>
      </c>
      <c r="C86" s="160"/>
      <c r="E86" s="160"/>
      <c r="F86" s="160"/>
      <c r="G86" s="160"/>
      <c r="H86" s="160"/>
      <c r="I86" s="160"/>
      <c r="J86" s="160"/>
      <c r="K86" s="160"/>
      <c r="L86" s="160"/>
      <c r="M86" s="160"/>
      <c r="N86" s="160"/>
      <c r="O86" s="160"/>
      <c r="P86" s="160"/>
      <c r="Q86" s="160"/>
      <c r="R86" s="160"/>
      <c r="S86" s="160"/>
      <c r="T86" s="160"/>
      <c r="U86" s="160"/>
      <c r="V86" s="160"/>
      <c r="W86" s="160"/>
      <c r="X86" s="160"/>
      <c r="Y86" s="160"/>
      <c r="Z86" s="160"/>
      <c r="AA86" s="160"/>
      <c r="AB86" s="160"/>
      <c r="AC86" s="160"/>
      <c r="AD86" s="160"/>
      <c r="AE86" s="160"/>
      <c r="AF86" s="160"/>
      <c r="AG86" s="160"/>
      <c r="AH86" s="160"/>
      <c r="AI86" s="160"/>
      <c r="AJ86" s="160"/>
      <c r="AK86" s="161"/>
      <c r="AL86" s="161"/>
      <c r="AM86" s="161"/>
      <c r="AN86" s="161"/>
      <c r="AO86" s="161"/>
      <c r="DB86" s="163"/>
      <c r="DC86" s="163"/>
    </row>
    <row r="87" spans="1:107" s="162" customFormat="1" ht="26.25" customHeight="1" x14ac:dyDescent="0.25">
      <c r="A87" s="159"/>
      <c r="B87" s="160" t="s">
        <v>198</v>
      </c>
      <c r="C87" s="160"/>
      <c r="E87" s="160"/>
      <c r="F87" s="160"/>
      <c r="G87" s="160"/>
      <c r="H87" s="160"/>
      <c r="I87" s="160"/>
      <c r="J87" s="160"/>
      <c r="K87" s="160"/>
      <c r="L87" s="160"/>
      <c r="M87" s="160"/>
      <c r="N87" s="160"/>
      <c r="O87" s="160"/>
      <c r="P87" s="160"/>
      <c r="Q87" s="160"/>
      <c r="R87" s="160"/>
      <c r="S87" s="160"/>
      <c r="T87" s="160"/>
      <c r="U87" s="160"/>
      <c r="V87" s="160"/>
      <c r="W87" s="160"/>
      <c r="X87" s="160"/>
      <c r="Y87" s="160"/>
      <c r="Z87" s="160"/>
      <c r="AA87" s="160"/>
      <c r="AB87" s="160"/>
      <c r="AC87" s="160"/>
      <c r="AD87" s="160"/>
      <c r="AE87" s="160"/>
      <c r="AF87" s="160"/>
      <c r="AG87" s="160"/>
      <c r="AH87" s="160"/>
      <c r="AI87" s="160"/>
      <c r="AJ87" s="160"/>
      <c r="AK87" s="161"/>
      <c r="AL87" s="161"/>
      <c r="AM87" s="161"/>
      <c r="AN87" s="161"/>
      <c r="AO87" s="161"/>
      <c r="DB87" s="163"/>
      <c r="DC87" s="163"/>
    </row>
    <row r="88" spans="1:107" s="162" customFormat="1" ht="26.25" customHeight="1" x14ac:dyDescent="0.25">
      <c r="A88" s="159"/>
      <c r="B88" s="160" t="s">
        <v>190</v>
      </c>
      <c r="C88" s="160"/>
      <c r="E88" s="160"/>
      <c r="F88" s="160"/>
      <c r="G88" s="160"/>
      <c r="H88" s="160"/>
      <c r="I88" s="160"/>
      <c r="J88" s="160"/>
      <c r="K88" s="160"/>
      <c r="L88" s="160"/>
      <c r="M88" s="160"/>
      <c r="N88" s="160"/>
      <c r="O88" s="160"/>
      <c r="P88" s="160"/>
      <c r="Q88" s="160"/>
      <c r="R88" s="160"/>
      <c r="S88" s="160"/>
      <c r="T88" s="160"/>
      <c r="U88" s="160"/>
      <c r="V88" s="160"/>
      <c r="W88" s="160"/>
      <c r="X88" s="160"/>
      <c r="Y88" s="160"/>
      <c r="Z88" s="160"/>
      <c r="AA88" s="160"/>
      <c r="AB88" s="160"/>
      <c r="AC88" s="160"/>
      <c r="AD88" s="160"/>
      <c r="AE88" s="160"/>
      <c r="AF88" s="160"/>
      <c r="AG88" s="160"/>
      <c r="AH88" s="160"/>
      <c r="AI88" s="160"/>
      <c r="AJ88" s="160"/>
      <c r="AK88" s="161"/>
      <c r="AL88" s="161"/>
      <c r="AM88" s="161"/>
      <c r="AN88" s="161"/>
      <c r="AO88" s="161"/>
      <c r="DB88" s="163"/>
      <c r="DC88" s="163"/>
    </row>
    <row r="89" spans="1:107" s="162" customFormat="1" ht="26.25" customHeight="1" x14ac:dyDescent="0.25">
      <c r="A89" s="159"/>
      <c r="B89" s="160" t="s">
        <v>196</v>
      </c>
      <c r="C89" s="160"/>
      <c r="E89" s="160"/>
      <c r="F89" s="160"/>
      <c r="G89" s="160"/>
      <c r="H89" s="160"/>
      <c r="I89" s="160"/>
      <c r="J89" s="160"/>
      <c r="K89" s="160"/>
      <c r="L89" s="160"/>
      <c r="M89" s="160"/>
      <c r="N89" s="160"/>
      <c r="O89" s="160"/>
      <c r="P89" s="160"/>
      <c r="Q89" s="160"/>
      <c r="R89" s="160"/>
      <c r="S89" s="160"/>
      <c r="T89" s="160"/>
      <c r="U89" s="160"/>
      <c r="V89" s="160"/>
      <c r="W89" s="160"/>
      <c r="X89" s="160"/>
      <c r="Y89" s="160"/>
      <c r="Z89" s="160"/>
      <c r="AA89" s="160"/>
      <c r="AB89" s="160"/>
      <c r="AC89" s="160"/>
      <c r="AD89" s="160"/>
      <c r="AE89" s="160"/>
      <c r="AF89" s="160"/>
      <c r="AG89" s="160"/>
      <c r="AH89" s="160"/>
      <c r="AI89" s="160"/>
      <c r="AJ89" s="160"/>
      <c r="AK89" s="161"/>
      <c r="AL89" s="161"/>
      <c r="AM89" s="161"/>
      <c r="AN89" s="161"/>
      <c r="AO89" s="161"/>
      <c r="DB89" s="163"/>
      <c r="DC89" s="163"/>
    </row>
    <row r="90" spans="1:107" s="162" customFormat="1" ht="26.25" customHeight="1" x14ac:dyDescent="0.25">
      <c r="A90" s="159"/>
      <c r="B90" s="160" t="s">
        <v>191</v>
      </c>
      <c r="C90" s="160"/>
      <c r="E90" s="160"/>
      <c r="F90" s="160"/>
      <c r="G90" s="160"/>
      <c r="H90" s="160"/>
      <c r="I90" s="160"/>
      <c r="J90" s="160"/>
      <c r="K90" s="160"/>
      <c r="L90" s="160"/>
      <c r="M90" s="160"/>
      <c r="N90" s="160"/>
      <c r="O90" s="160"/>
      <c r="P90" s="160"/>
      <c r="Q90" s="160"/>
      <c r="R90" s="160"/>
      <c r="S90" s="160"/>
      <c r="T90" s="160"/>
      <c r="U90" s="160"/>
      <c r="V90" s="160"/>
      <c r="W90" s="160"/>
      <c r="X90" s="160"/>
      <c r="Y90" s="160"/>
      <c r="Z90" s="160"/>
      <c r="AA90" s="160"/>
      <c r="AB90" s="160"/>
      <c r="AC90" s="160"/>
      <c r="AD90" s="160"/>
      <c r="AE90" s="160"/>
      <c r="AF90" s="160"/>
      <c r="AG90" s="160"/>
      <c r="AH90" s="160"/>
      <c r="AI90" s="160"/>
      <c r="AJ90" s="160"/>
      <c r="AK90" s="161"/>
      <c r="AL90" s="161"/>
      <c r="AM90" s="161"/>
      <c r="AN90" s="161"/>
      <c r="AO90" s="161"/>
      <c r="DB90" s="163"/>
      <c r="DC90" s="163"/>
    </row>
    <row r="91" spans="1:107" s="162" customFormat="1" ht="26.25" customHeight="1" x14ac:dyDescent="0.25">
      <c r="A91" s="159"/>
      <c r="B91" s="160" t="s">
        <v>192</v>
      </c>
      <c r="C91" s="160"/>
      <c r="E91" s="160"/>
      <c r="F91" s="160"/>
      <c r="G91" s="160"/>
      <c r="H91" s="160"/>
      <c r="I91" s="160"/>
      <c r="J91" s="160"/>
      <c r="K91" s="160"/>
      <c r="L91" s="160"/>
      <c r="M91" s="160"/>
      <c r="N91" s="160"/>
      <c r="O91" s="160"/>
      <c r="P91" s="160"/>
      <c r="Q91" s="160"/>
      <c r="R91" s="160"/>
      <c r="S91" s="160"/>
      <c r="T91" s="160"/>
      <c r="U91" s="160"/>
      <c r="V91" s="160"/>
      <c r="W91" s="160"/>
      <c r="X91" s="160"/>
      <c r="Y91" s="160"/>
      <c r="Z91" s="160"/>
      <c r="AA91" s="160"/>
      <c r="AB91" s="160"/>
      <c r="AC91" s="160"/>
      <c r="AD91" s="160"/>
      <c r="AE91" s="160"/>
      <c r="AF91" s="160"/>
      <c r="AG91" s="160"/>
      <c r="AH91" s="160"/>
      <c r="AI91" s="160"/>
      <c r="AJ91" s="160"/>
      <c r="AK91" s="161"/>
      <c r="AL91" s="161"/>
      <c r="AM91" s="161"/>
      <c r="AN91" s="161"/>
      <c r="AO91" s="161"/>
      <c r="DB91" s="163"/>
      <c r="DC91" s="163"/>
    </row>
    <row r="92" spans="1:107" s="162" customFormat="1" ht="26.25" customHeight="1" x14ac:dyDescent="0.25">
      <c r="A92" s="159"/>
      <c r="B92" s="160" t="s">
        <v>113</v>
      </c>
      <c r="C92" s="160"/>
      <c r="E92" s="160"/>
      <c r="F92" s="160"/>
      <c r="G92" s="160"/>
      <c r="H92" s="160"/>
      <c r="I92" s="160"/>
      <c r="J92" s="160"/>
      <c r="K92" s="160"/>
      <c r="L92" s="160"/>
      <c r="M92" s="160"/>
      <c r="N92" s="160"/>
      <c r="O92" s="160"/>
      <c r="P92" s="160"/>
      <c r="Q92" s="160"/>
      <c r="R92" s="160"/>
      <c r="S92" s="160"/>
      <c r="T92" s="160"/>
      <c r="U92" s="160"/>
      <c r="V92" s="160"/>
      <c r="W92" s="160"/>
      <c r="X92" s="160"/>
      <c r="Y92" s="160"/>
      <c r="Z92" s="160"/>
      <c r="AA92" s="160"/>
      <c r="AB92" s="160"/>
      <c r="AC92" s="160"/>
      <c r="AD92" s="160"/>
      <c r="AE92" s="160"/>
      <c r="AF92" s="160"/>
      <c r="AG92" s="160"/>
      <c r="AH92" s="160"/>
      <c r="AI92" s="160"/>
      <c r="AJ92" s="160"/>
      <c r="AK92" s="161"/>
      <c r="AL92" s="161"/>
      <c r="AM92" s="161"/>
      <c r="AN92" s="161"/>
      <c r="AO92" s="161"/>
      <c r="DB92" s="163"/>
      <c r="DC92" s="163"/>
    </row>
    <row r="93" spans="1:107" s="162" customFormat="1" ht="26.25" customHeight="1" x14ac:dyDescent="0.25">
      <c r="A93" s="159"/>
      <c r="B93" s="160" t="s">
        <v>197</v>
      </c>
      <c r="C93" s="160"/>
      <c r="D93" s="160"/>
      <c r="E93" s="160"/>
      <c r="F93" s="160"/>
      <c r="G93" s="160"/>
      <c r="H93" s="160"/>
      <c r="I93" s="160"/>
      <c r="J93" s="160"/>
      <c r="K93" s="160"/>
      <c r="L93" s="160"/>
      <c r="M93" s="160"/>
      <c r="N93" s="160"/>
      <c r="O93" s="160"/>
      <c r="P93" s="160"/>
      <c r="Q93" s="160"/>
      <c r="R93" s="160"/>
      <c r="S93" s="160"/>
      <c r="T93" s="160"/>
      <c r="U93" s="160"/>
      <c r="V93" s="160"/>
      <c r="W93" s="160"/>
      <c r="X93" s="160"/>
      <c r="Y93" s="160"/>
      <c r="Z93" s="160"/>
      <c r="AA93" s="160"/>
      <c r="AB93" s="160"/>
      <c r="AC93" s="160"/>
      <c r="AD93" s="160"/>
      <c r="AE93" s="160"/>
      <c r="AF93" s="160"/>
      <c r="AG93" s="160"/>
      <c r="AH93" s="160"/>
      <c r="AI93" s="160"/>
      <c r="AJ93" s="160"/>
      <c r="AK93" s="161"/>
      <c r="AL93" s="161"/>
      <c r="AM93" s="161"/>
      <c r="AN93" s="161"/>
      <c r="AO93" s="161"/>
      <c r="DB93" s="163"/>
      <c r="DC93" s="163"/>
    </row>
    <row r="94" spans="1:107" s="162" customFormat="1" ht="26.25" customHeight="1" x14ac:dyDescent="0.25">
      <c r="A94" s="159"/>
      <c r="B94" s="160" t="s">
        <v>117</v>
      </c>
      <c r="C94" s="160"/>
      <c r="D94" s="160"/>
      <c r="E94" s="160"/>
      <c r="F94" s="160"/>
      <c r="G94" s="160"/>
      <c r="H94" s="160"/>
      <c r="I94" s="160"/>
      <c r="J94" s="160"/>
      <c r="K94" s="160"/>
      <c r="L94" s="160"/>
      <c r="M94" s="160"/>
      <c r="N94" s="160"/>
      <c r="O94" s="160"/>
      <c r="P94" s="160"/>
      <c r="Q94" s="160"/>
      <c r="R94" s="160"/>
      <c r="S94" s="160"/>
      <c r="T94" s="160"/>
      <c r="U94" s="160"/>
      <c r="V94" s="160"/>
      <c r="W94" s="160"/>
      <c r="X94" s="160"/>
      <c r="Y94" s="160"/>
      <c r="Z94" s="160"/>
      <c r="AA94" s="160"/>
      <c r="AB94" s="160"/>
      <c r="AC94" s="160"/>
      <c r="AD94" s="160"/>
      <c r="AE94" s="160"/>
      <c r="AF94" s="160"/>
      <c r="AG94" s="160"/>
      <c r="AH94" s="160"/>
      <c r="AI94" s="160"/>
      <c r="AJ94" s="160"/>
      <c r="AK94" s="161"/>
      <c r="AL94" s="161"/>
      <c r="AM94" s="161"/>
      <c r="AN94" s="161"/>
      <c r="AO94" s="161"/>
      <c r="DB94" s="163"/>
      <c r="DC94" s="163"/>
    </row>
    <row r="95" spans="1:107" s="162" customFormat="1" ht="26.25" customHeight="1" x14ac:dyDescent="0.25">
      <c r="A95" s="159"/>
      <c r="B95" s="164" t="s">
        <v>176</v>
      </c>
      <c r="C95" s="164"/>
      <c r="D95" s="164"/>
      <c r="E95" s="164"/>
      <c r="F95" s="164"/>
      <c r="G95" s="164"/>
      <c r="H95" s="164"/>
      <c r="I95" s="164"/>
      <c r="J95" s="164"/>
      <c r="K95" s="164"/>
      <c r="L95" s="164"/>
      <c r="M95" s="164"/>
      <c r="N95" s="164"/>
      <c r="O95" s="164"/>
      <c r="P95" s="164"/>
      <c r="Q95" s="164"/>
      <c r="R95" s="164"/>
      <c r="S95" s="164"/>
      <c r="T95" s="164"/>
      <c r="U95" s="164"/>
      <c r="V95" s="164"/>
      <c r="W95" s="164"/>
      <c r="X95" s="164"/>
      <c r="Y95" s="164"/>
      <c r="Z95" s="164"/>
      <c r="AA95" s="164"/>
      <c r="AB95" s="164"/>
      <c r="AC95" s="164"/>
      <c r="AD95" s="164"/>
      <c r="AE95" s="164"/>
      <c r="AF95" s="164"/>
      <c r="AG95" s="164"/>
      <c r="AH95" s="164"/>
      <c r="AI95" s="164"/>
      <c r="AJ95" s="164"/>
      <c r="AK95" s="161"/>
      <c r="AL95" s="161"/>
      <c r="AM95" s="161"/>
      <c r="AN95" s="161"/>
      <c r="AO95" s="161"/>
      <c r="DB95" s="163"/>
      <c r="DC95" s="163"/>
    </row>
    <row r="96" spans="1:107" s="162" customFormat="1" ht="26.25" customHeight="1" x14ac:dyDescent="0.25">
      <c r="A96" s="159"/>
      <c r="B96" s="164" t="s">
        <v>179</v>
      </c>
      <c r="C96" s="164"/>
      <c r="D96" s="164"/>
      <c r="E96" s="164"/>
      <c r="F96" s="164"/>
      <c r="G96" s="164"/>
      <c r="H96" s="164"/>
      <c r="I96" s="164"/>
      <c r="J96" s="164"/>
      <c r="K96" s="164"/>
      <c r="L96" s="164"/>
      <c r="M96" s="164"/>
      <c r="N96" s="164"/>
      <c r="O96" s="164"/>
      <c r="P96" s="164"/>
      <c r="Q96" s="164"/>
      <c r="R96" s="164"/>
      <c r="S96" s="164"/>
      <c r="T96" s="164"/>
      <c r="U96" s="164"/>
      <c r="V96" s="164"/>
      <c r="W96" s="164"/>
      <c r="X96" s="164"/>
      <c r="Y96" s="164"/>
      <c r="Z96" s="164"/>
      <c r="AA96" s="164"/>
      <c r="AB96" s="164"/>
      <c r="AC96" s="164"/>
      <c r="AD96" s="164"/>
      <c r="AE96" s="164"/>
      <c r="AF96" s="164"/>
      <c r="AG96" s="164"/>
      <c r="AH96" s="164"/>
      <c r="AI96" s="164"/>
      <c r="AJ96" s="164"/>
      <c r="AK96" s="161"/>
      <c r="AL96" s="161"/>
      <c r="AM96" s="161"/>
      <c r="AN96" s="161"/>
      <c r="AO96" s="161"/>
      <c r="DB96" s="163"/>
      <c r="DC96" s="163"/>
    </row>
    <row r="97" spans="1:107" s="162" customFormat="1" ht="26.25" customHeight="1" x14ac:dyDescent="0.25">
      <c r="A97" s="159"/>
      <c r="B97" s="164"/>
      <c r="C97" s="164"/>
      <c r="D97" s="164"/>
      <c r="E97" s="164"/>
      <c r="F97" s="164"/>
      <c r="G97" s="164"/>
      <c r="H97" s="164"/>
      <c r="I97" s="164"/>
      <c r="J97" s="164"/>
      <c r="K97" s="164"/>
      <c r="L97" s="164"/>
      <c r="M97" s="164"/>
      <c r="N97" s="164"/>
      <c r="O97" s="164"/>
      <c r="P97" s="164"/>
      <c r="Q97" s="164"/>
      <c r="R97" s="164"/>
      <c r="S97" s="164"/>
      <c r="T97" s="164"/>
      <c r="U97" s="164"/>
      <c r="V97" s="164"/>
      <c r="W97" s="164"/>
      <c r="X97" s="164"/>
      <c r="Y97" s="164"/>
      <c r="Z97" s="164"/>
      <c r="AA97" s="164"/>
      <c r="AB97" s="164"/>
      <c r="AC97" s="164"/>
      <c r="AD97" s="164"/>
      <c r="AE97" s="164"/>
      <c r="AF97" s="164"/>
      <c r="AG97" s="164"/>
      <c r="AH97" s="164"/>
      <c r="AI97" s="164"/>
      <c r="AJ97" s="164"/>
      <c r="AK97" s="161"/>
      <c r="AL97" s="161"/>
      <c r="AM97" s="161"/>
      <c r="AN97" s="161"/>
      <c r="AO97" s="161"/>
      <c r="DB97" s="163"/>
      <c r="DC97" s="163"/>
    </row>
    <row r="98" spans="1:107" s="162" customFormat="1" ht="26.25" customHeight="1" x14ac:dyDescent="0.25">
      <c r="A98" s="159"/>
      <c r="B98" s="160" t="s">
        <v>118</v>
      </c>
      <c r="C98" s="165"/>
      <c r="D98" s="165"/>
      <c r="E98" s="165"/>
      <c r="F98" s="166"/>
      <c r="G98" s="166"/>
      <c r="H98" s="166"/>
      <c r="I98" s="166"/>
      <c r="J98" s="166"/>
      <c r="K98" s="166"/>
      <c r="L98" s="164"/>
      <c r="M98" s="164"/>
      <c r="N98" s="164"/>
      <c r="O98" s="164"/>
      <c r="P98" s="164"/>
      <c r="Q98" s="164"/>
      <c r="R98" s="164"/>
      <c r="S98" s="164"/>
      <c r="T98" s="164"/>
      <c r="U98" s="164"/>
      <c r="V98" s="164"/>
      <c r="W98" s="164"/>
      <c r="X98" s="164"/>
      <c r="Y98" s="164"/>
      <c r="Z98" s="164"/>
      <c r="AA98" s="164"/>
      <c r="AB98" s="164"/>
      <c r="AC98" s="164"/>
      <c r="AD98" s="164"/>
      <c r="AE98" s="164"/>
      <c r="AF98" s="164"/>
      <c r="AG98" s="164"/>
      <c r="AH98" s="164"/>
      <c r="AI98" s="164"/>
      <c r="AJ98" s="164"/>
      <c r="AK98" s="161"/>
      <c r="AL98" s="161"/>
      <c r="AM98" s="161"/>
      <c r="AN98" s="161"/>
      <c r="AO98" s="161"/>
      <c r="DB98" s="163"/>
      <c r="DC98" s="163"/>
    </row>
    <row r="99" spans="1:107" s="162" customFormat="1" ht="26.25" customHeight="1" x14ac:dyDescent="0.25">
      <c r="A99" s="159"/>
      <c r="B99" s="160" t="s">
        <v>199</v>
      </c>
      <c r="C99" s="165"/>
      <c r="D99" s="165"/>
      <c r="E99" s="165"/>
      <c r="F99" s="166"/>
      <c r="G99" s="166"/>
      <c r="H99" s="166"/>
      <c r="I99" s="166"/>
      <c r="J99" s="166"/>
      <c r="K99" s="166"/>
      <c r="L99" s="164"/>
      <c r="M99" s="164"/>
      <c r="N99" s="164"/>
      <c r="O99" s="164"/>
      <c r="P99" s="164"/>
      <c r="Q99" s="164"/>
      <c r="R99" s="164"/>
      <c r="S99" s="164"/>
      <c r="T99" s="164"/>
      <c r="U99" s="164"/>
      <c r="V99" s="164"/>
      <c r="W99" s="164"/>
      <c r="X99" s="164"/>
      <c r="Y99" s="164"/>
      <c r="Z99" s="164"/>
      <c r="AA99" s="164"/>
      <c r="AB99" s="164"/>
      <c r="AC99" s="164"/>
      <c r="AD99" s="164"/>
      <c r="AE99" s="164"/>
      <c r="AF99" s="164"/>
      <c r="AG99" s="164"/>
      <c r="AH99" s="164"/>
      <c r="AI99" s="164"/>
      <c r="AJ99" s="164"/>
      <c r="AK99" s="161"/>
      <c r="AL99" s="161"/>
      <c r="AM99" s="161"/>
      <c r="AN99" s="161"/>
      <c r="AO99" s="161"/>
      <c r="DB99" s="163"/>
      <c r="DC99" s="163"/>
    </row>
    <row r="100" spans="1:107" s="162" customFormat="1" ht="26.25" customHeight="1" x14ac:dyDescent="0.25">
      <c r="B100" s="160" t="s">
        <v>120</v>
      </c>
      <c r="C100" s="167"/>
      <c r="D100" s="167"/>
      <c r="E100" s="167"/>
      <c r="F100" s="167"/>
      <c r="G100" s="167"/>
      <c r="H100" s="167"/>
      <c r="I100" s="167"/>
      <c r="J100" s="167"/>
      <c r="K100" s="167"/>
      <c r="L100" s="167"/>
      <c r="M100" s="167"/>
      <c r="N100" s="167"/>
      <c r="O100" s="167"/>
      <c r="P100" s="167"/>
      <c r="Q100" s="167"/>
      <c r="R100" s="167"/>
      <c r="S100" s="167"/>
      <c r="T100" s="167"/>
      <c r="U100" s="167"/>
      <c r="V100" s="167"/>
      <c r="W100" s="167"/>
      <c r="X100" s="167"/>
      <c r="Y100" s="167"/>
      <c r="Z100" s="167"/>
      <c r="AA100" s="167"/>
      <c r="AB100" s="167"/>
      <c r="AC100" s="167"/>
      <c r="AD100" s="167"/>
      <c r="AE100" s="167"/>
      <c r="AF100" s="167"/>
      <c r="AG100" s="167"/>
      <c r="AH100" s="167"/>
      <c r="AI100" s="167"/>
      <c r="AJ100" s="167"/>
      <c r="AK100" s="167"/>
      <c r="AL100" s="167"/>
      <c r="AM100" s="167"/>
      <c r="AN100" s="167"/>
      <c r="AO100" s="167"/>
      <c r="DB100" s="163"/>
      <c r="DC100" s="163"/>
    </row>
    <row r="101" spans="1:107" x14ac:dyDescent="0.2">
      <c r="B101" s="2"/>
      <c r="C101" s="2"/>
      <c r="D101" s="2"/>
      <c r="E101" s="2"/>
      <c r="F101" s="2"/>
      <c r="G101" s="2"/>
      <c r="H101" s="2"/>
      <c r="I101" s="2"/>
      <c r="J101" s="2"/>
      <c r="K101" s="2"/>
      <c r="L101" s="2"/>
      <c r="M101" s="2"/>
      <c r="N101" s="2"/>
      <c r="O101" s="2"/>
      <c r="P101" s="2"/>
      <c r="Q101" s="2"/>
      <c r="R101" s="2"/>
      <c r="S101" s="2"/>
      <c r="T101" s="2"/>
      <c r="U101" s="2"/>
      <c r="V101" s="2"/>
      <c r="W101" s="2"/>
      <c r="X101" s="2"/>
      <c r="Y101" s="2"/>
      <c r="Z101" s="2"/>
      <c r="AA101" s="2"/>
      <c r="AB101" s="2"/>
      <c r="AC101" s="2"/>
      <c r="AD101" s="2"/>
      <c r="AE101" s="2"/>
      <c r="AF101" s="2"/>
      <c r="AG101" s="2"/>
      <c r="AH101" s="2"/>
      <c r="AI101" s="2"/>
      <c r="AJ101" s="2"/>
      <c r="AK101" s="2"/>
      <c r="AL101" s="2"/>
      <c r="AM101" s="2"/>
      <c r="AN101" s="2"/>
      <c r="AO101" s="2"/>
      <c r="AP101" s="2"/>
      <c r="AQ101" s="2"/>
    </row>
    <row r="102" spans="1:107" x14ac:dyDescent="0.2">
      <c r="B102" s="2"/>
      <c r="C102" s="2"/>
      <c r="D102" s="2"/>
      <c r="E102" s="2"/>
      <c r="F102" s="2"/>
      <c r="G102" s="2"/>
      <c r="H102" s="2"/>
      <c r="I102" s="2"/>
      <c r="J102" s="2"/>
      <c r="K102" s="2"/>
      <c r="L102" s="2"/>
      <c r="M102" s="2"/>
      <c r="N102" s="2"/>
      <c r="O102" s="2"/>
      <c r="P102" s="2"/>
      <c r="Q102" s="2"/>
      <c r="R102" s="2"/>
      <c r="S102" s="2"/>
      <c r="T102" s="2"/>
      <c r="U102" s="2"/>
      <c r="V102" s="2"/>
      <c r="W102" s="2"/>
      <c r="X102" s="2"/>
      <c r="Y102" s="2"/>
      <c r="Z102" s="2"/>
      <c r="AA102" s="2"/>
      <c r="AB102" s="2"/>
      <c r="AC102" s="2"/>
      <c r="AD102" s="2"/>
      <c r="AE102" s="2"/>
      <c r="AF102" s="2"/>
      <c r="AG102" s="2"/>
      <c r="AH102" s="2"/>
      <c r="AI102" s="2"/>
      <c r="AJ102" s="2"/>
      <c r="AK102" s="2"/>
      <c r="AL102" s="2"/>
      <c r="AM102" s="2"/>
      <c r="AN102" s="2"/>
      <c r="AO102" s="2"/>
      <c r="AP102" s="2"/>
      <c r="AQ102" s="2"/>
    </row>
    <row r="103" spans="1:107" x14ac:dyDescent="0.2">
      <c r="B103" s="2"/>
      <c r="C103" s="2"/>
      <c r="D103" s="2"/>
      <c r="E103" s="2"/>
      <c r="F103" s="2"/>
      <c r="G103" s="2"/>
      <c r="H103" s="2"/>
      <c r="I103" s="2"/>
      <c r="J103" s="2"/>
      <c r="K103" s="2"/>
      <c r="L103" s="2"/>
      <c r="M103" s="2"/>
      <c r="N103" s="2"/>
      <c r="O103" s="2"/>
      <c r="P103" s="2"/>
      <c r="Q103" s="2"/>
      <c r="R103" s="2"/>
      <c r="S103" s="2"/>
      <c r="T103" s="2"/>
      <c r="U103" s="2"/>
      <c r="V103" s="2"/>
      <c r="W103" s="2"/>
      <c r="X103" s="2"/>
      <c r="Y103" s="2"/>
      <c r="Z103" s="2"/>
      <c r="AA103" s="2"/>
      <c r="AB103" s="2"/>
      <c r="AC103" s="2"/>
      <c r="AD103" s="2"/>
      <c r="AE103" s="2"/>
      <c r="AF103" s="2"/>
      <c r="AG103" s="2"/>
      <c r="AH103" s="2"/>
      <c r="AI103" s="2"/>
      <c r="AJ103" s="2"/>
      <c r="AK103" s="2"/>
      <c r="AL103" s="2"/>
      <c r="AM103" s="2"/>
      <c r="AN103" s="2"/>
      <c r="AO103" s="2"/>
      <c r="AP103" s="2"/>
      <c r="AQ103" s="2"/>
    </row>
    <row r="104" spans="1:107" x14ac:dyDescent="0.2">
      <c r="B104" s="2"/>
      <c r="C104" s="2"/>
      <c r="D104" s="2"/>
      <c r="E104" s="2"/>
      <c r="F104" s="2"/>
      <c r="G104" s="2"/>
      <c r="H104" s="2"/>
      <c r="I104" s="2"/>
      <c r="J104" s="2"/>
      <c r="K104" s="2"/>
      <c r="L104" s="2"/>
      <c r="M104" s="2"/>
      <c r="N104" s="2"/>
      <c r="O104" s="2"/>
      <c r="P104" s="2"/>
      <c r="Q104" s="2"/>
      <c r="R104" s="2"/>
      <c r="S104" s="2"/>
      <c r="T104" s="2"/>
      <c r="U104" s="2"/>
      <c r="V104" s="2"/>
      <c r="W104" s="2"/>
      <c r="X104" s="2"/>
      <c r="Y104" s="2"/>
      <c r="Z104" s="2"/>
      <c r="AA104" s="2"/>
      <c r="AB104" s="2"/>
      <c r="AC104" s="2"/>
      <c r="AD104" s="2"/>
      <c r="AE104" s="2"/>
      <c r="AF104" s="2"/>
      <c r="AG104" s="2"/>
      <c r="AH104" s="2"/>
      <c r="AI104" s="2"/>
      <c r="AJ104" s="2"/>
      <c r="AK104" s="2"/>
      <c r="AL104" s="2"/>
      <c r="AM104" s="2"/>
      <c r="AN104" s="2"/>
      <c r="AO104" s="2"/>
      <c r="AP104" s="2"/>
      <c r="AQ104" s="2"/>
    </row>
    <row r="105" spans="1:107" x14ac:dyDescent="0.2">
      <c r="B105" s="2"/>
      <c r="C105" s="2"/>
      <c r="D105" s="2"/>
      <c r="E105" s="2"/>
      <c r="F105" s="2"/>
      <c r="G105" s="2"/>
      <c r="H105" s="2"/>
      <c r="I105" s="2"/>
      <c r="J105" s="2"/>
      <c r="K105" s="2"/>
      <c r="L105" s="2"/>
      <c r="M105" s="2"/>
      <c r="N105" s="2"/>
      <c r="O105" s="2"/>
      <c r="P105" s="2"/>
      <c r="Q105" s="2"/>
      <c r="R105" s="2"/>
      <c r="S105" s="2"/>
      <c r="T105" s="2"/>
      <c r="U105" s="2"/>
      <c r="V105" s="2"/>
      <c r="W105" s="2"/>
      <c r="X105" s="2"/>
      <c r="Y105" s="2"/>
      <c r="Z105" s="2"/>
      <c r="AA105" s="2"/>
      <c r="AB105" s="2"/>
      <c r="AC105" s="2"/>
      <c r="AD105" s="2"/>
      <c r="AE105" s="2"/>
      <c r="AF105" s="2"/>
      <c r="AG105" s="2"/>
      <c r="AH105" s="2"/>
      <c r="AI105" s="2"/>
      <c r="AJ105" s="2"/>
      <c r="AK105" s="2"/>
      <c r="AL105" s="2"/>
      <c r="AM105" s="2"/>
      <c r="AN105" s="2"/>
      <c r="AO105" s="2"/>
      <c r="AP105" s="2"/>
      <c r="AQ105" s="2"/>
    </row>
  </sheetData>
  <mergeCells count="108">
    <mergeCell ref="B1:CD1"/>
    <mergeCell ref="B3:L5"/>
    <mergeCell ref="M3:Y5"/>
    <mergeCell ref="Z3:AH5"/>
    <mergeCell ref="AI3:AO5"/>
    <mergeCell ref="M41:AB42"/>
    <mergeCell ref="B26:J27"/>
    <mergeCell ref="BO63:BS66"/>
    <mergeCell ref="BT63:BX66"/>
    <mergeCell ref="BY63:CC66"/>
    <mergeCell ref="CD63:CH66"/>
    <mergeCell ref="CC31:CH31"/>
    <mergeCell ref="V56:Z56"/>
    <mergeCell ref="B35:J42"/>
    <mergeCell ref="K28:P30"/>
    <mergeCell ref="B22:L22"/>
    <mergeCell ref="B23:L25"/>
    <mergeCell ref="AP3:AV5"/>
    <mergeCell ref="AW3:BC5"/>
    <mergeCell ref="BD3:BP5"/>
    <mergeCell ref="BQ3:CH5"/>
    <mergeCell ref="Z32:AB34"/>
    <mergeCell ref="B43:J47"/>
    <mergeCell ref="K43:CH47"/>
    <mergeCell ref="B17:L17"/>
    <mergeCell ref="AW12:BF12"/>
    <mergeCell ref="AW13:BF15"/>
    <mergeCell ref="B18:L20"/>
    <mergeCell ref="K35:L36"/>
    <mergeCell ref="K41:L42"/>
    <mergeCell ref="BE31:CB31"/>
    <mergeCell ref="BE32:CB34"/>
    <mergeCell ref="B31:J31"/>
    <mergeCell ref="B28:J30"/>
    <mergeCell ref="H32:J34"/>
    <mergeCell ref="E32:G34"/>
    <mergeCell ref="K39:L40"/>
    <mergeCell ref="K37:L38"/>
    <mergeCell ref="AC35:BF36"/>
    <mergeCell ref="AC37:BF38"/>
    <mergeCell ref="AC39:BF40"/>
    <mergeCell ref="M39:AB40"/>
    <mergeCell ref="BG35:CH36"/>
    <mergeCell ref="BG37:CH38"/>
    <mergeCell ref="M35:AB36"/>
    <mergeCell ref="M37:AB38"/>
    <mergeCell ref="AF32:AH34"/>
    <mergeCell ref="AC32:AE34"/>
    <mergeCell ref="B6:L7"/>
    <mergeCell ref="B8:L10"/>
    <mergeCell ref="K31:Y31"/>
    <mergeCell ref="AO26:AZ27"/>
    <mergeCell ref="AO28:AQ30"/>
    <mergeCell ref="K32:Y34"/>
    <mergeCell ref="M12:AA12"/>
    <mergeCell ref="M13:AA15"/>
    <mergeCell ref="B12:L12"/>
    <mergeCell ref="B13:L15"/>
    <mergeCell ref="AC11:BG11"/>
    <mergeCell ref="K26:P27"/>
    <mergeCell ref="AW23:BF25"/>
    <mergeCell ref="AB12:AP12"/>
    <mergeCell ref="AB13:AP15"/>
    <mergeCell ref="BG12:CH12"/>
    <mergeCell ref="BG13:CH15"/>
    <mergeCell ref="B32:D34"/>
    <mergeCell ref="AI32:AK34"/>
    <mergeCell ref="AQ14:AV14"/>
    <mergeCell ref="BK6:BN10"/>
    <mergeCell ref="AS6:BJ10"/>
    <mergeCell ref="BO6:BS10"/>
    <mergeCell ref="AL6:AR10"/>
    <mergeCell ref="AU31:BD31"/>
    <mergeCell ref="AU32:BD34"/>
    <mergeCell ref="M6:AK7"/>
    <mergeCell ref="M8:AK10"/>
    <mergeCell ref="AQ12:AV12"/>
    <mergeCell ref="AQ13:AV13"/>
    <mergeCell ref="BG23:CH25"/>
    <mergeCell ref="M18:AV20"/>
    <mergeCell ref="BG39:CH40"/>
    <mergeCell ref="AI28:AN28"/>
    <mergeCell ref="Q28:AH30"/>
    <mergeCell ref="CC32:CH34"/>
    <mergeCell ref="BG41:CH42"/>
    <mergeCell ref="AC41:BF42"/>
    <mergeCell ref="AQ15:AV15"/>
    <mergeCell ref="AB21:BF21"/>
    <mergeCell ref="AB16:BF16"/>
    <mergeCell ref="Z31:AT31"/>
    <mergeCell ref="AR32:AT34"/>
    <mergeCell ref="AO32:AQ34"/>
    <mergeCell ref="AL32:AN34"/>
    <mergeCell ref="M17:AV17"/>
    <mergeCell ref="M22:AV22"/>
    <mergeCell ref="M23:AV25"/>
    <mergeCell ref="AW17:BF17"/>
    <mergeCell ref="BG17:CH17"/>
    <mergeCell ref="AW18:BF20"/>
    <mergeCell ref="BG18:CH20"/>
    <mergeCell ref="AW22:BF22"/>
    <mergeCell ref="BG22:CH22"/>
    <mergeCell ref="AX28:AZ30"/>
    <mergeCell ref="AU28:AW30"/>
    <mergeCell ref="AR28:AT30"/>
    <mergeCell ref="Q26:AN27"/>
    <mergeCell ref="AI30:AN30"/>
    <mergeCell ref="AI29:AN29"/>
  </mergeCells>
  <phoneticPr fontId="3"/>
  <printOptions horizontalCentered="1"/>
  <pageMargins left="0" right="0" top="0" bottom="0" header="0" footer="0"/>
  <pageSetup paperSize="9" scale="51" fitToHeight="2" orientation="landscape"/>
  <headerFooter alignWithMargins="0"/>
  <rowBreaks count="1" manualBreakCount="1">
    <brk id="69" min="1" max="108" man="1"/>
  </rowBreaks>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dimension ref="A1:EO83"/>
  <sheetViews>
    <sheetView view="pageBreakPreview" zoomScale="50" zoomScaleNormal="50" zoomScaleSheetLayoutView="50" workbookViewId="0">
      <selection activeCell="O30" sqref="O30:S31"/>
    </sheetView>
  </sheetViews>
  <sheetFormatPr defaultColWidth="9" defaultRowHeight="13.2" x14ac:dyDescent="0.2"/>
  <cols>
    <col min="1" max="106" width="2.88671875" style="1" customWidth="1"/>
    <col min="107" max="16384" width="9" style="1"/>
  </cols>
  <sheetData>
    <row r="1" spans="1:106" ht="38.25" customHeight="1" x14ac:dyDescent="0.2">
      <c r="A1" s="673" t="s">
        <v>254</v>
      </c>
      <c r="B1" s="673"/>
      <c r="C1" s="673"/>
      <c r="D1" s="673"/>
      <c r="E1" s="673"/>
      <c r="F1" s="673"/>
      <c r="G1" s="673"/>
      <c r="H1" s="673"/>
      <c r="I1" s="673"/>
      <c r="J1" s="673"/>
      <c r="K1" s="673"/>
      <c r="L1" s="673"/>
      <c r="M1" s="673"/>
      <c r="N1" s="673"/>
      <c r="O1" s="673"/>
      <c r="P1" s="673"/>
      <c r="Q1" s="673"/>
      <c r="R1" s="673"/>
      <c r="S1" s="673"/>
      <c r="T1" s="673"/>
      <c r="U1" s="673"/>
      <c r="V1" s="673"/>
      <c r="W1" s="673"/>
      <c r="X1" s="673"/>
      <c r="Y1" s="673"/>
      <c r="Z1" s="673"/>
      <c r="AA1" s="673"/>
      <c r="AB1" s="673"/>
      <c r="AC1" s="673"/>
      <c r="AD1" s="673"/>
      <c r="AE1" s="673"/>
      <c r="AF1" s="673"/>
      <c r="AG1" s="673"/>
      <c r="AH1" s="673"/>
      <c r="AI1" s="673"/>
      <c r="AJ1" s="673"/>
      <c r="AK1" s="673"/>
      <c r="AL1" s="673"/>
      <c r="AM1" s="673"/>
      <c r="AN1" s="673"/>
      <c r="AO1" s="673"/>
      <c r="AP1" s="673"/>
      <c r="AQ1" s="673"/>
      <c r="AR1" s="673"/>
      <c r="AS1" s="673"/>
      <c r="AT1" s="673"/>
      <c r="AU1" s="673"/>
      <c r="AV1" s="673"/>
      <c r="AW1" s="673"/>
      <c r="AX1" s="673"/>
      <c r="AY1" s="673"/>
      <c r="AZ1" s="673"/>
      <c r="BA1" s="673"/>
      <c r="BB1" s="673"/>
      <c r="BC1" s="673"/>
      <c r="BD1" s="673"/>
      <c r="BE1" s="673"/>
      <c r="BF1" s="673"/>
      <c r="BG1" s="673"/>
      <c r="BH1" s="673"/>
      <c r="BI1" s="673"/>
      <c r="BJ1" s="673"/>
      <c r="BK1" s="673"/>
      <c r="BL1" s="673"/>
      <c r="BM1" s="673"/>
      <c r="BN1" s="673"/>
      <c r="BO1" s="673"/>
      <c r="BP1" s="673"/>
      <c r="BQ1" s="673"/>
      <c r="BR1" s="673"/>
      <c r="BS1" s="673"/>
      <c r="BT1" s="673"/>
      <c r="BU1" s="673"/>
      <c r="BV1" s="673"/>
      <c r="BW1" s="673"/>
      <c r="BX1" s="673"/>
      <c r="BY1" s="673"/>
      <c r="BZ1" s="673"/>
      <c r="CA1" s="673"/>
      <c r="CB1" s="673"/>
      <c r="CC1" s="673"/>
      <c r="CD1" s="673"/>
      <c r="CE1" s="673"/>
      <c r="CF1" s="673"/>
      <c r="CG1" s="673"/>
      <c r="CH1" s="673"/>
      <c r="CI1" s="673"/>
      <c r="CJ1" s="673"/>
      <c r="CK1" s="673"/>
      <c r="CL1" s="673"/>
      <c r="CM1" s="673"/>
      <c r="CN1" s="673"/>
      <c r="CO1" s="673"/>
      <c r="CP1" s="673"/>
      <c r="CQ1" s="673"/>
      <c r="CR1" s="673"/>
      <c r="CS1" s="673"/>
      <c r="CT1" s="673"/>
      <c r="CU1" s="673"/>
      <c r="CV1" s="673"/>
      <c r="CW1" s="673"/>
      <c r="CX1" s="673"/>
      <c r="CY1" s="673"/>
      <c r="CZ1" s="673"/>
      <c r="DA1" s="673"/>
      <c r="DB1" s="673"/>
    </row>
    <row r="2" spans="1:106" ht="39.75" customHeight="1" x14ac:dyDescent="0.25">
      <c r="A2" s="670" t="s">
        <v>289</v>
      </c>
      <c r="B2" s="671"/>
      <c r="C2" s="671"/>
      <c r="D2" s="671"/>
      <c r="E2" s="671"/>
      <c r="F2" s="671"/>
      <c r="G2" s="671"/>
      <c r="H2" s="671"/>
      <c r="I2" s="671"/>
      <c r="J2" s="671"/>
      <c r="K2" s="671"/>
      <c r="L2" s="671"/>
      <c r="M2" s="671"/>
      <c r="N2" s="671"/>
      <c r="O2" s="671"/>
      <c r="P2" s="671"/>
      <c r="Q2" s="671"/>
      <c r="R2" s="671"/>
      <c r="S2" s="671"/>
      <c r="T2" s="671"/>
      <c r="U2" s="671"/>
      <c r="V2" s="671"/>
      <c r="W2" s="671"/>
      <c r="X2" s="671"/>
      <c r="Y2" s="671"/>
      <c r="Z2" s="671"/>
      <c r="AA2" s="671"/>
      <c r="AB2" s="671"/>
      <c r="AC2" s="671"/>
      <c r="AD2" s="671"/>
      <c r="AE2" s="671"/>
      <c r="AF2" s="671"/>
      <c r="AG2" s="671"/>
      <c r="AH2" s="671"/>
      <c r="AI2" s="671"/>
      <c r="AJ2" s="671"/>
      <c r="AK2" s="671"/>
      <c r="AL2" s="671"/>
      <c r="AM2" s="671"/>
      <c r="AN2" s="671"/>
      <c r="AO2" s="671"/>
      <c r="AP2" s="671"/>
      <c r="AQ2" s="671"/>
      <c r="AR2" s="671"/>
      <c r="AS2" s="671"/>
      <c r="AT2" s="671"/>
      <c r="AU2" s="671"/>
      <c r="AV2" s="671"/>
      <c r="AW2" s="671"/>
      <c r="AX2" s="178"/>
      <c r="AY2" s="178"/>
      <c r="AZ2" s="178"/>
      <c r="BA2" s="178"/>
      <c r="BB2" s="178"/>
      <c r="BC2" s="178"/>
      <c r="BD2" s="178"/>
      <c r="BE2" s="178"/>
      <c r="BF2" s="178"/>
      <c r="BG2" s="178"/>
      <c r="BH2" s="178"/>
      <c r="BI2" s="178"/>
      <c r="BJ2" s="178"/>
      <c r="BK2" s="178"/>
      <c r="BL2" s="178"/>
      <c r="BM2" s="178"/>
      <c r="BN2" s="260"/>
      <c r="BO2" s="260"/>
      <c r="BP2" s="260"/>
      <c r="BQ2" s="260"/>
      <c r="BR2" s="260"/>
      <c r="BS2" s="260"/>
      <c r="BT2" s="260"/>
      <c r="BU2" s="261" t="s">
        <v>245</v>
      </c>
      <c r="BV2" s="675" t="s">
        <v>106</v>
      </c>
      <c r="BW2" s="675"/>
      <c r="BX2" s="675"/>
      <c r="BY2" s="675"/>
      <c r="BZ2" s="675"/>
      <c r="CA2" s="675"/>
      <c r="CB2" s="675"/>
      <c r="CC2" s="675"/>
      <c r="CD2" s="675"/>
      <c r="CE2" s="675"/>
      <c r="CF2" s="675"/>
      <c r="CG2" s="675"/>
      <c r="CH2" s="674"/>
      <c r="CI2" s="674"/>
      <c r="CJ2" s="674"/>
      <c r="CK2" s="674"/>
      <c r="CL2" s="674"/>
      <c r="CM2" s="674"/>
      <c r="CN2" s="674"/>
      <c r="CO2" s="674"/>
      <c r="CP2" s="674"/>
      <c r="CQ2" s="674"/>
      <c r="CR2" s="674"/>
      <c r="CS2" s="674"/>
      <c r="CT2" s="674"/>
      <c r="CU2" s="674"/>
      <c r="CV2" s="674"/>
      <c r="CW2" s="674"/>
      <c r="CX2" s="674"/>
      <c r="CY2" s="674"/>
      <c r="CZ2" s="674"/>
      <c r="DA2" s="674"/>
      <c r="DB2" s="674"/>
    </row>
    <row r="3" spans="1:106" s="64" customFormat="1" ht="11.25" customHeight="1" thickBot="1" x14ac:dyDescent="0.2">
      <c r="A3" s="262"/>
      <c r="B3" s="262"/>
      <c r="C3" s="262"/>
      <c r="D3" s="262"/>
      <c r="E3" s="262"/>
      <c r="F3" s="262"/>
      <c r="G3" s="262"/>
      <c r="H3" s="262"/>
      <c r="I3" s="262"/>
      <c r="J3" s="262"/>
      <c r="K3" s="262"/>
      <c r="L3" s="262"/>
      <c r="M3" s="262"/>
      <c r="N3" s="262"/>
      <c r="O3" s="262"/>
      <c r="P3" s="262"/>
      <c r="Q3" s="262"/>
      <c r="R3" s="262"/>
      <c r="S3" s="262"/>
      <c r="T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59"/>
      <c r="AW3" s="259"/>
      <c r="AX3" s="259"/>
      <c r="AY3" s="259"/>
      <c r="AZ3" s="259"/>
      <c r="BA3" s="259"/>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3"/>
      <c r="CD3" s="263"/>
      <c r="CE3" s="263"/>
      <c r="CF3" s="263"/>
      <c r="CG3" s="263"/>
      <c r="CH3" s="263"/>
      <c r="CI3" s="263"/>
      <c r="CJ3" s="262"/>
      <c r="CK3" s="262"/>
      <c r="CL3" s="262"/>
      <c r="CM3" s="262"/>
      <c r="CN3" s="262"/>
      <c r="CO3" s="262"/>
      <c r="CP3" s="262"/>
      <c r="CQ3" s="262"/>
      <c r="CR3" s="262"/>
      <c r="CS3" s="262"/>
      <c r="CT3" s="262"/>
      <c r="CU3" s="262"/>
      <c r="CV3" s="262"/>
      <c r="CW3" s="262"/>
      <c r="CX3" s="262"/>
      <c r="CY3" s="262"/>
      <c r="CZ3" s="262"/>
      <c r="DA3" s="262"/>
      <c r="DB3" s="262"/>
    </row>
    <row r="4" spans="1:106" s="2" customFormat="1" ht="40.5" customHeight="1" thickTop="1" thickBot="1" x14ac:dyDescent="0.2">
      <c r="A4" s="752" t="s">
        <v>76</v>
      </c>
      <c r="B4" s="753"/>
      <c r="C4" s="753"/>
      <c r="D4" s="753"/>
      <c r="E4" s="753"/>
      <c r="F4" s="753"/>
      <c r="G4" s="753"/>
      <c r="H4" s="753"/>
      <c r="I4" s="753"/>
      <c r="J4" s="871"/>
      <c r="K4" s="872"/>
      <c r="L4" s="872"/>
      <c r="M4" s="872"/>
      <c r="N4" s="872"/>
      <c r="O4" s="872"/>
      <c r="P4" s="872"/>
      <c r="Q4" s="872"/>
      <c r="R4" s="872"/>
      <c r="S4" s="756" t="s">
        <v>273</v>
      </c>
      <c r="T4" s="756"/>
      <c r="U4" s="756"/>
      <c r="V4" s="756"/>
      <c r="W4" s="301"/>
      <c r="X4" s="754" t="s">
        <v>242</v>
      </c>
      <c r="Y4" s="753"/>
      <c r="Z4" s="753"/>
      <c r="AA4" s="753"/>
      <c r="AB4" s="753"/>
      <c r="AC4" s="753"/>
      <c r="AD4" s="753"/>
      <c r="AE4" s="753"/>
      <c r="AF4" s="753"/>
      <c r="AG4" s="753"/>
      <c r="AH4" s="753"/>
      <c r="AI4" s="753"/>
      <c r="AJ4" s="753"/>
      <c r="AK4" s="753"/>
      <c r="AL4" s="753"/>
      <c r="AM4" s="753"/>
      <c r="AN4" s="753"/>
      <c r="AO4" s="753"/>
      <c r="AP4" s="753"/>
      <c r="AQ4" s="753"/>
      <c r="AR4" s="757"/>
      <c r="AS4" s="758"/>
      <c r="AT4" s="758"/>
      <c r="AU4" s="758"/>
      <c r="AV4" s="758"/>
      <c r="AW4" s="302" t="s">
        <v>274</v>
      </c>
      <c r="AX4" s="330"/>
      <c r="AY4" s="758"/>
      <c r="AZ4" s="758"/>
      <c r="BA4" s="758"/>
      <c r="BB4" s="302" t="s">
        <v>278</v>
      </c>
      <c r="BC4" s="302"/>
      <c r="BD4" s="758"/>
      <c r="BE4" s="758"/>
      <c r="BF4" s="758"/>
      <c r="BG4" s="302" t="s">
        <v>276</v>
      </c>
      <c r="BH4" s="302"/>
      <c r="BI4" s="302"/>
      <c r="BJ4" s="302"/>
      <c r="BK4" s="758"/>
      <c r="BL4" s="758"/>
      <c r="BM4" s="758"/>
      <c r="BN4" s="758"/>
      <c r="BO4" s="758"/>
      <c r="BP4" s="302" t="s">
        <v>274</v>
      </c>
      <c r="BQ4" s="330"/>
      <c r="BR4" s="758"/>
      <c r="BS4" s="758"/>
      <c r="BT4" s="758"/>
      <c r="BU4" s="330" t="s">
        <v>275</v>
      </c>
      <c r="BV4" s="302"/>
      <c r="BW4" s="758"/>
      <c r="BX4" s="758"/>
      <c r="BY4" s="758"/>
      <c r="BZ4" s="330" t="s">
        <v>277</v>
      </c>
      <c r="CA4" s="302"/>
      <c r="CB4" s="302"/>
      <c r="CC4" s="302"/>
      <c r="CD4" s="303"/>
      <c r="CE4" s="295"/>
      <c r="CF4" s="295"/>
      <c r="CG4" s="295"/>
      <c r="CH4" s="295"/>
      <c r="CI4" s="751"/>
      <c r="CJ4" s="751"/>
      <c r="CK4" s="751"/>
      <c r="CL4" s="751"/>
      <c r="CM4" s="751"/>
      <c r="CN4" s="755" t="s">
        <v>80</v>
      </c>
      <c r="CO4" s="755"/>
      <c r="CP4" s="755"/>
      <c r="CQ4" s="755"/>
      <c r="CR4" s="755"/>
      <c r="CS4" s="751"/>
      <c r="CT4" s="751"/>
      <c r="CU4" s="751"/>
      <c r="CV4" s="751"/>
      <c r="CW4" s="751"/>
      <c r="CX4" s="755" t="s">
        <v>81</v>
      </c>
      <c r="CY4" s="755"/>
      <c r="CZ4" s="755"/>
      <c r="DA4" s="755"/>
      <c r="DB4" s="755"/>
    </row>
    <row r="5" spans="1:106" s="64" customFormat="1" ht="11.25" customHeight="1" thickTop="1" thickBot="1" x14ac:dyDescent="0.2">
      <c r="A5" s="262"/>
      <c r="B5" s="262"/>
      <c r="C5" s="262"/>
      <c r="D5" s="262"/>
      <c r="E5" s="262"/>
      <c r="F5" s="262"/>
      <c r="G5" s="262"/>
      <c r="H5" s="262"/>
      <c r="I5" s="262"/>
      <c r="J5" s="262"/>
      <c r="K5" s="262"/>
      <c r="L5" s="262"/>
      <c r="M5" s="262"/>
      <c r="N5" s="262"/>
      <c r="O5" s="262"/>
      <c r="P5" s="262"/>
      <c r="Q5" s="26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2"/>
      <c r="AT5" s="262"/>
      <c r="AU5" s="262"/>
      <c r="AV5" s="259"/>
      <c r="AW5" s="259"/>
      <c r="AX5" s="259"/>
      <c r="AY5" s="259"/>
      <c r="AZ5" s="259"/>
      <c r="BA5" s="259"/>
      <c r="BB5" s="262"/>
      <c r="BC5" s="262"/>
      <c r="BD5" s="262"/>
      <c r="BE5" s="262"/>
      <c r="BF5" s="262"/>
      <c r="BG5" s="262"/>
      <c r="BH5" s="262"/>
      <c r="BI5" s="262"/>
      <c r="BJ5" s="262"/>
      <c r="BK5" s="262"/>
      <c r="BL5" s="262"/>
      <c r="BM5" s="262"/>
      <c r="BN5" s="262"/>
      <c r="BO5" s="262"/>
      <c r="BP5" s="262"/>
      <c r="BQ5" s="262"/>
      <c r="BR5" s="262"/>
      <c r="BS5" s="262"/>
      <c r="BT5" s="262"/>
      <c r="BU5" s="262"/>
      <c r="BV5" s="262"/>
      <c r="BW5" s="262"/>
      <c r="BX5" s="262"/>
      <c r="BY5" s="262"/>
      <c r="BZ5" s="262"/>
      <c r="CA5" s="262"/>
      <c r="CB5" s="262"/>
      <c r="CC5" s="263"/>
      <c r="CD5" s="263"/>
      <c r="CE5" s="263"/>
      <c r="CF5" s="263"/>
      <c r="CG5" s="263"/>
      <c r="CH5" s="263"/>
      <c r="CI5" s="263"/>
      <c r="CJ5" s="262"/>
      <c r="CK5" s="262"/>
      <c r="CL5" s="262"/>
      <c r="CM5" s="262"/>
      <c r="CN5" s="262"/>
      <c r="CO5" s="262"/>
      <c r="CP5" s="262"/>
      <c r="CQ5" s="262"/>
      <c r="CR5" s="262"/>
      <c r="CS5" s="262"/>
      <c r="CT5" s="262"/>
      <c r="CU5" s="262"/>
      <c r="CV5" s="262"/>
      <c r="CW5" s="262"/>
      <c r="CX5" s="262"/>
      <c r="CY5" s="262"/>
      <c r="CZ5" s="262"/>
      <c r="DA5" s="262"/>
      <c r="DB5" s="262"/>
    </row>
    <row r="6" spans="1:106" s="2" customFormat="1" ht="27.75" customHeight="1" thickTop="1" x14ac:dyDescent="0.15">
      <c r="A6" s="701" t="s">
        <v>290</v>
      </c>
      <c r="B6" s="702"/>
      <c r="C6" s="702"/>
      <c r="D6" s="702"/>
      <c r="E6" s="702"/>
      <c r="F6" s="702"/>
      <c r="G6" s="702"/>
      <c r="H6" s="702"/>
      <c r="I6" s="702"/>
      <c r="J6" s="680"/>
      <c r="K6" s="681"/>
      <c r="L6" s="681"/>
      <c r="M6" s="681"/>
      <c r="N6" s="681"/>
      <c r="O6" s="681"/>
      <c r="P6" s="681"/>
      <c r="Q6" s="681"/>
      <c r="R6" s="681"/>
      <c r="S6" s="681"/>
      <c r="T6" s="681"/>
      <c r="U6" s="681"/>
      <c r="V6" s="681"/>
      <c r="W6" s="681"/>
      <c r="X6" s="681"/>
      <c r="Y6" s="681"/>
      <c r="Z6" s="681"/>
      <c r="AA6" s="681"/>
      <c r="AB6" s="681"/>
      <c r="AC6" s="681"/>
      <c r="AD6" s="681"/>
      <c r="AE6" s="681"/>
      <c r="AF6" s="681"/>
      <c r="AG6" s="681"/>
      <c r="AH6" s="681"/>
      <c r="AI6" s="681"/>
      <c r="AJ6" s="681"/>
      <c r="AK6" s="681"/>
      <c r="AL6" s="681"/>
      <c r="AM6" s="681"/>
      <c r="AN6" s="681"/>
      <c r="AO6" s="681"/>
      <c r="AP6" s="681"/>
      <c r="AQ6" s="681"/>
      <c r="AR6" s="681"/>
      <c r="AS6" s="681"/>
      <c r="AT6" s="681"/>
      <c r="AU6" s="681"/>
      <c r="AV6" s="681"/>
      <c r="AW6" s="681"/>
      <c r="AX6" s="682"/>
      <c r="AY6" s="716" t="s">
        <v>233</v>
      </c>
      <c r="AZ6" s="759"/>
      <c r="BA6" s="759"/>
      <c r="BB6" s="722"/>
      <c r="BC6" s="723"/>
      <c r="BD6" s="777" t="s">
        <v>181</v>
      </c>
      <c r="BE6" s="778"/>
      <c r="BF6" s="778"/>
      <c r="BG6" s="778"/>
      <c r="BH6" s="778"/>
      <c r="BI6" s="778"/>
      <c r="BJ6" s="778"/>
      <c r="BK6" s="778"/>
      <c r="BL6" s="778"/>
      <c r="BM6" s="778"/>
      <c r="BN6" s="778"/>
      <c r="BO6" s="778"/>
      <c r="BP6" s="778"/>
      <c r="BQ6" s="778"/>
      <c r="BR6" s="692" t="s">
        <v>105</v>
      </c>
      <c r="BS6" s="693"/>
      <c r="BT6" s="693"/>
      <c r="BU6" s="693"/>
      <c r="BV6" s="693"/>
      <c r="BW6" s="693"/>
      <c r="BX6" s="693"/>
      <c r="BY6" s="693"/>
      <c r="BZ6" s="693"/>
      <c r="CA6" s="693"/>
      <c r="CB6" s="693"/>
      <c r="CC6" s="693"/>
      <c r="CD6" s="693"/>
      <c r="CE6" s="693"/>
      <c r="CF6" s="693"/>
      <c r="CG6" s="693"/>
      <c r="CH6" s="694"/>
      <c r="CI6" s="712" t="s">
        <v>170</v>
      </c>
      <c r="CJ6" s="712"/>
      <c r="CK6" s="712"/>
      <c r="CL6" s="712"/>
      <c r="CM6" s="712"/>
      <c r="CN6" s="712"/>
      <c r="CO6" s="712"/>
      <c r="CP6" s="712"/>
      <c r="CQ6" s="712"/>
      <c r="CR6" s="712"/>
      <c r="CS6" s="712"/>
      <c r="CT6" s="712"/>
      <c r="CU6" s="712"/>
      <c r="CV6" s="712"/>
      <c r="CW6" s="712"/>
      <c r="CX6" s="712"/>
      <c r="CY6" s="712"/>
      <c r="CZ6" s="712"/>
      <c r="DA6" s="712"/>
      <c r="DB6" s="713"/>
    </row>
    <row r="7" spans="1:106" s="2" customFormat="1" ht="25.95" customHeight="1" x14ac:dyDescent="0.15">
      <c r="A7" s="783" t="s">
        <v>236</v>
      </c>
      <c r="B7" s="784"/>
      <c r="C7" s="784"/>
      <c r="D7" s="784"/>
      <c r="E7" s="784"/>
      <c r="F7" s="784"/>
      <c r="G7" s="784"/>
      <c r="H7" s="784"/>
      <c r="I7" s="785"/>
      <c r="J7" s="789"/>
      <c r="K7" s="790"/>
      <c r="L7" s="790"/>
      <c r="M7" s="790"/>
      <c r="N7" s="790"/>
      <c r="O7" s="790"/>
      <c r="P7" s="790"/>
      <c r="Q7" s="790"/>
      <c r="R7" s="790"/>
      <c r="S7" s="790"/>
      <c r="T7" s="790"/>
      <c r="U7" s="790"/>
      <c r="V7" s="790"/>
      <c r="W7" s="790"/>
      <c r="X7" s="790"/>
      <c r="Y7" s="790"/>
      <c r="Z7" s="790"/>
      <c r="AA7" s="790"/>
      <c r="AB7" s="790"/>
      <c r="AC7" s="790"/>
      <c r="AD7" s="790"/>
      <c r="AE7" s="790"/>
      <c r="AF7" s="790"/>
      <c r="AG7" s="790"/>
      <c r="AH7" s="790"/>
      <c r="AI7" s="790"/>
      <c r="AJ7" s="790"/>
      <c r="AK7" s="790"/>
      <c r="AL7" s="790"/>
      <c r="AM7" s="790"/>
      <c r="AN7" s="790"/>
      <c r="AO7" s="790"/>
      <c r="AP7" s="790"/>
      <c r="AQ7" s="790"/>
      <c r="AR7" s="790"/>
      <c r="AS7" s="790"/>
      <c r="AT7" s="790"/>
      <c r="AU7" s="790"/>
      <c r="AV7" s="790"/>
      <c r="AW7" s="790"/>
      <c r="AX7" s="791"/>
      <c r="AY7" s="760"/>
      <c r="AZ7" s="761"/>
      <c r="BA7" s="761"/>
      <c r="BB7" s="764">
        <v>1</v>
      </c>
      <c r="BC7" s="765"/>
      <c r="BD7" s="768"/>
      <c r="BE7" s="769"/>
      <c r="BF7" s="769"/>
      <c r="BG7" s="769"/>
      <c r="BH7" s="769"/>
      <c r="BI7" s="769"/>
      <c r="BJ7" s="769"/>
      <c r="BK7" s="769"/>
      <c r="BL7" s="769"/>
      <c r="BM7" s="769"/>
      <c r="BN7" s="769"/>
      <c r="BO7" s="769"/>
      <c r="BP7" s="769"/>
      <c r="BQ7" s="770"/>
      <c r="BR7" s="800"/>
      <c r="BS7" s="796"/>
      <c r="BT7" s="796"/>
      <c r="BU7" s="796"/>
      <c r="BV7" s="795" t="s">
        <v>279</v>
      </c>
      <c r="BW7" s="795"/>
      <c r="BX7" s="796"/>
      <c r="BY7" s="796"/>
      <c r="BZ7" s="795" t="s">
        <v>280</v>
      </c>
      <c r="CA7" s="795"/>
      <c r="CB7" s="796"/>
      <c r="CC7" s="796"/>
      <c r="CD7" s="795" t="s">
        <v>282</v>
      </c>
      <c r="CE7" s="795"/>
      <c r="CF7" s="795"/>
      <c r="CG7" s="795"/>
      <c r="CH7" s="797"/>
      <c r="CI7" s="800"/>
      <c r="CJ7" s="796"/>
      <c r="CK7" s="796"/>
      <c r="CL7" s="796"/>
      <c r="CM7" s="796"/>
      <c r="CN7" s="796"/>
      <c r="CO7" s="796"/>
      <c r="CP7" s="796"/>
      <c r="CQ7" s="796"/>
      <c r="CR7" s="796"/>
      <c r="CS7" s="796"/>
      <c r="CT7" s="796"/>
      <c r="CU7" s="796"/>
      <c r="CV7" s="796"/>
      <c r="CW7" s="796"/>
      <c r="CX7" s="796"/>
      <c r="CY7" s="796"/>
      <c r="CZ7" s="796"/>
      <c r="DA7" s="796"/>
      <c r="DB7" s="807"/>
    </row>
    <row r="8" spans="1:106" s="2" customFormat="1" ht="25.95" customHeight="1" thickBot="1" x14ac:dyDescent="0.2">
      <c r="A8" s="786"/>
      <c r="B8" s="787"/>
      <c r="C8" s="787"/>
      <c r="D8" s="787"/>
      <c r="E8" s="787"/>
      <c r="F8" s="787"/>
      <c r="G8" s="787"/>
      <c r="H8" s="787"/>
      <c r="I8" s="788"/>
      <c r="J8" s="792"/>
      <c r="K8" s="793"/>
      <c r="L8" s="793"/>
      <c r="M8" s="793"/>
      <c r="N8" s="793"/>
      <c r="O8" s="793"/>
      <c r="P8" s="793"/>
      <c r="Q8" s="793"/>
      <c r="R8" s="793"/>
      <c r="S8" s="793"/>
      <c r="T8" s="793"/>
      <c r="U8" s="793"/>
      <c r="V8" s="793"/>
      <c r="W8" s="793"/>
      <c r="X8" s="793"/>
      <c r="Y8" s="793"/>
      <c r="Z8" s="793"/>
      <c r="AA8" s="793"/>
      <c r="AB8" s="793"/>
      <c r="AC8" s="793"/>
      <c r="AD8" s="793"/>
      <c r="AE8" s="793"/>
      <c r="AF8" s="793"/>
      <c r="AG8" s="793"/>
      <c r="AH8" s="793"/>
      <c r="AI8" s="793"/>
      <c r="AJ8" s="793"/>
      <c r="AK8" s="793"/>
      <c r="AL8" s="793"/>
      <c r="AM8" s="793"/>
      <c r="AN8" s="793"/>
      <c r="AO8" s="793"/>
      <c r="AP8" s="793"/>
      <c r="AQ8" s="793"/>
      <c r="AR8" s="793"/>
      <c r="AS8" s="793"/>
      <c r="AT8" s="793"/>
      <c r="AU8" s="793"/>
      <c r="AV8" s="793"/>
      <c r="AW8" s="793"/>
      <c r="AX8" s="794"/>
      <c r="AY8" s="760"/>
      <c r="AZ8" s="761"/>
      <c r="BA8" s="761"/>
      <c r="BB8" s="766"/>
      <c r="BC8" s="767"/>
      <c r="BD8" s="771"/>
      <c r="BE8" s="772"/>
      <c r="BF8" s="772"/>
      <c r="BG8" s="772"/>
      <c r="BH8" s="772"/>
      <c r="BI8" s="772"/>
      <c r="BJ8" s="772"/>
      <c r="BK8" s="772"/>
      <c r="BL8" s="772"/>
      <c r="BM8" s="772"/>
      <c r="BN8" s="772"/>
      <c r="BO8" s="772"/>
      <c r="BP8" s="772"/>
      <c r="BQ8" s="773"/>
      <c r="BR8" s="774"/>
      <c r="BS8" s="775"/>
      <c r="BT8" s="775"/>
      <c r="BU8" s="775"/>
      <c r="BV8" s="776" t="s">
        <v>279</v>
      </c>
      <c r="BW8" s="776"/>
      <c r="BX8" s="775"/>
      <c r="BY8" s="775"/>
      <c r="BZ8" s="776" t="s">
        <v>280</v>
      </c>
      <c r="CA8" s="776"/>
      <c r="CB8" s="775"/>
      <c r="CC8" s="775"/>
      <c r="CD8" s="776" t="s">
        <v>281</v>
      </c>
      <c r="CE8" s="776"/>
      <c r="CF8" s="776"/>
      <c r="CG8" s="776"/>
      <c r="CH8" s="799"/>
      <c r="CI8" s="774"/>
      <c r="CJ8" s="775"/>
      <c r="CK8" s="775"/>
      <c r="CL8" s="775"/>
      <c r="CM8" s="775"/>
      <c r="CN8" s="775"/>
      <c r="CO8" s="775"/>
      <c r="CP8" s="775"/>
      <c r="CQ8" s="775"/>
      <c r="CR8" s="775"/>
      <c r="CS8" s="775"/>
      <c r="CT8" s="775"/>
      <c r="CU8" s="775"/>
      <c r="CV8" s="775"/>
      <c r="CW8" s="775"/>
      <c r="CX8" s="775"/>
      <c r="CY8" s="775"/>
      <c r="CZ8" s="775"/>
      <c r="DA8" s="775"/>
      <c r="DB8" s="808"/>
    </row>
    <row r="9" spans="1:106" s="2" customFormat="1" ht="25.95" customHeight="1" x14ac:dyDescent="0.15">
      <c r="A9" s="747" t="s">
        <v>246</v>
      </c>
      <c r="B9" s="748"/>
      <c r="C9" s="748"/>
      <c r="D9" s="748"/>
      <c r="E9" s="748"/>
      <c r="F9" s="748"/>
      <c r="G9" s="748"/>
      <c r="H9" s="748"/>
      <c r="I9" s="748"/>
      <c r="J9" s="813"/>
      <c r="K9" s="811"/>
      <c r="L9" s="811"/>
      <c r="M9" s="809"/>
      <c r="N9" s="809"/>
      <c r="O9" s="809"/>
      <c r="P9" s="809"/>
      <c r="Q9" s="809"/>
      <c r="R9" s="809"/>
      <c r="S9" s="811" t="s">
        <v>274</v>
      </c>
      <c r="T9" s="811"/>
      <c r="U9" s="809"/>
      <c r="V9" s="809"/>
      <c r="W9" s="809"/>
      <c r="X9" s="811" t="s">
        <v>275</v>
      </c>
      <c r="Y9" s="811"/>
      <c r="Z9" s="809"/>
      <c r="AA9" s="809"/>
      <c r="AB9" s="809"/>
      <c r="AC9" s="811" t="s">
        <v>288</v>
      </c>
      <c r="AD9" s="811"/>
      <c r="AE9" s="811"/>
      <c r="AF9" s="811"/>
      <c r="AG9" s="815" t="s">
        <v>14</v>
      </c>
      <c r="AH9" s="748"/>
      <c r="AI9" s="748"/>
      <c r="AJ9" s="748"/>
      <c r="AK9" s="748"/>
      <c r="AL9" s="748"/>
      <c r="AM9" s="816"/>
      <c r="AN9" s="818"/>
      <c r="AO9" s="818"/>
      <c r="AP9" s="818"/>
      <c r="AQ9" s="818"/>
      <c r="AR9" s="818"/>
      <c r="AS9" s="818"/>
      <c r="AT9" s="818"/>
      <c r="AU9" s="818"/>
      <c r="AV9" s="818"/>
      <c r="AW9" s="818"/>
      <c r="AX9" s="819"/>
      <c r="AY9" s="760"/>
      <c r="AZ9" s="761"/>
      <c r="BA9" s="761"/>
      <c r="BB9" s="764">
        <v>2</v>
      </c>
      <c r="BC9" s="765"/>
      <c r="BD9" s="768"/>
      <c r="BE9" s="769"/>
      <c r="BF9" s="769"/>
      <c r="BG9" s="769"/>
      <c r="BH9" s="769"/>
      <c r="BI9" s="769"/>
      <c r="BJ9" s="769"/>
      <c r="BK9" s="769"/>
      <c r="BL9" s="769"/>
      <c r="BM9" s="769"/>
      <c r="BN9" s="769"/>
      <c r="BO9" s="769"/>
      <c r="BP9" s="769"/>
      <c r="BQ9" s="770"/>
      <c r="BR9" s="800"/>
      <c r="BS9" s="796"/>
      <c r="BT9" s="796"/>
      <c r="BU9" s="796"/>
      <c r="BV9" s="795" t="s">
        <v>279</v>
      </c>
      <c r="BW9" s="795"/>
      <c r="BX9" s="796"/>
      <c r="BY9" s="796"/>
      <c r="BZ9" s="795" t="s">
        <v>280</v>
      </c>
      <c r="CA9" s="795"/>
      <c r="CB9" s="796"/>
      <c r="CC9" s="796"/>
      <c r="CD9" s="795" t="s">
        <v>282</v>
      </c>
      <c r="CE9" s="795"/>
      <c r="CF9" s="795"/>
      <c r="CG9" s="795"/>
      <c r="CH9" s="797"/>
      <c r="CI9" s="800"/>
      <c r="CJ9" s="796"/>
      <c r="CK9" s="796"/>
      <c r="CL9" s="796"/>
      <c r="CM9" s="796"/>
      <c r="CN9" s="796"/>
      <c r="CO9" s="796"/>
      <c r="CP9" s="796"/>
      <c r="CQ9" s="796"/>
      <c r="CR9" s="796"/>
      <c r="CS9" s="796"/>
      <c r="CT9" s="796"/>
      <c r="CU9" s="796"/>
      <c r="CV9" s="796"/>
      <c r="CW9" s="796"/>
      <c r="CX9" s="796"/>
      <c r="CY9" s="796"/>
      <c r="CZ9" s="796"/>
      <c r="DA9" s="796"/>
      <c r="DB9" s="807"/>
    </row>
    <row r="10" spans="1:106" s="2" customFormat="1" ht="25.95" customHeight="1" thickBot="1" x14ac:dyDescent="0.2">
      <c r="A10" s="786"/>
      <c r="B10" s="787"/>
      <c r="C10" s="787"/>
      <c r="D10" s="787"/>
      <c r="E10" s="787"/>
      <c r="F10" s="787"/>
      <c r="G10" s="787"/>
      <c r="H10" s="787"/>
      <c r="I10" s="787"/>
      <c r="J10" s="814"/>
      <c r="K10" s="812"/>
      <c r="L10" s="812"/>
      <c r="M10" s="810"/>
      <c r="N10" s="810"/>
      <c r="O10" s="810"/>
      <c r="P10" s="810"/>
      <c r="Q10" s="810"/>
      <c r="R10" s="810"/>
      <c r="S10" s="812"/>
      <c r="T10" s="812"/>
      <c r="U10" s="810"/>
      <c r="V10" s="810"/>
      <c r="W10" s="810"/>
      <c r="X10" s="812"/>
      <c r="Y10" s="812"/>
      <c r="Z10" s="810"/>
      <c r="AA10" s="810"/>
      <c r="AB10" s="810"/>
      <c r="AC10" s="812"/>
      <c r="AD10" s="812"/>
      <c r="AE10" s="812"/>
      <c r="AF10" s="812"/>
      <c r="AG10" s="817"/>
      <c r="AH10" s="787"/>
      <c r="AI10" s="787"/>
      <c r="AJ10" s="787"/>
      <c r="AK10" s="787"/>
      <c r="AL10" s="787"/>
      <c r="AM10" s="788"/>
      <c r="AN10" s="820"/>
      <c r="AO10" s="820"/>
      <c r="AP10" s="820"/>
      <c r="AQ10" s="820"/>
      <c r="AR10" s="820"/>
      <c r="AS10" s="820"/>
      <c r="AT10" s="820"/>
      <c r="AU10" s="820"/>
      <c r="AV10" s="820"/>
      <c r="AW10" s="820"/>
      <c r="AX10" s="821"/>
      <c r="AY10" s="760"/>
      <c r="AZ10" s="761"/>
      <c r="BA10" s="761"/>
      <c r="BB10" s="766"/>
      <c r="BC10" s="767"/>
      <c r="BD10" s="771"/>
      <c r="BE10" s="772"/>
      <c r="BF10" s="772"/>
      <c r="BG10" s="772"/>
      <c r="BH10" s="772"/>
      <c r="BI10" s="772"/>
      <c r="BJ10" s="772"/>
      <c r="BK10" s="772"/>
      <c r="BL10" s="772"/>
      <c r="BM10" s="772"/>
      <c r="BN10" s="772"/>
      <c r="BO10" s="772"/>
      <c r="BP10" s="772"/>
      <c r="BQ10" s="773"/>
      <c r="BR10" s="774"/>
      <c r="BS10" s="775"/>
      <c r="BT10" s="775"/>
      <c r="BU10" s="775"/>
      <c r="BV10" s="776" t="s">
        <v>279</v>
      </c>
      <c r="BW10" s="776"/>
      <c r="BX10" s="775"/>
      <c r="BY10" s="775"/>
      <c r="BZ10" s="776" t="s">
        <v>280</v>
      </c>
      <c r="CA10" s="776"/>
      <c r="CB10" s="775"/>
      <c r="CC10" s="775"/>
      <c r="CD10" s="776" t="s">
        <v>281</v>
      </c>
      <c r="CE10" s="776"/>
      <c r="CF10" s="776"/>
      <c r="CG10" s="776"/>
      <c r="CH10" s="799"/>
      <c r="CI10" s="774"/>
      <c r="CJ10" s="775"/>
      <c r="CK10" s="775"/>
      <c r="CL10" s="775"/>
      <c r="CM10" s="775"/>
      <c r="CN10" s="775"/>
      <c r="CO10" s="775"/>
      <c r="CP10" s="775"/>
      <c r="CQ10" s="775"/>
      <c r="CR10" s="775"/>
      <c r="CS10" s="775"/>
      <c r="CT10" s="775"/>
      <c r="CU10" s="775"/>
      <c r="CV10" s="775"/>
      <c r="CW10" s="775"/>
      <c r="CX10" s="775"/>
      <c r="CY10" s="775"/>
      <c r="CZ10" s="775"/>
      <c r="DA10" s="775"/>
      <c r="DB10" s="808"/>
    </row>
    <row r="11" spans="1:106" s="2" customFormat="1" ht="27" customHeight="1" x14ac:dyDescent="0.15">
      <c r="A11" s="747" t="s">
        <v>298</v>
      </c>
      <c r="B11" s="748"/>
      <c r="C11" s="748"/>
      <c r="D11" s="748"/>
      <c r="E11" s="748"/>
      <c r="F11" s="748"/>
      <c r="G11" s="748"/>
      <c r="H11" s="748"/>
      <c r="I11" s="748"/>
      <c r="J11" s="748"/>
      <c r="K11" s="748"/>
      <c r="L11" s="748"/>
      <c r="M11" s="748"/>
      <c r="N11" s="748"/>
      <c r="O11" s="838" t="s">
        <v>253</v>
      </c>
      <c r="P11" s="839"/>
      <c r="Q11" s="839"/>
      <c r="R11" s="839"/>
      <c r="S11" s="839"/>
      <c r="T11" s="839"/>
      <c r="U11" s="839"/>
      <c r="V11" s="839"/>
      <c r="W11" s="839"/>
      <c r="X11" s="839"/>
      <c r="Y11" s="839"/>
      <c r="Z11" s="839"/>
      <c r="AA11" s="839"/>
      <c r="AB11" s="839"/>
      <c r="AC11" s="839"/>
      <c r="AD11" s="842"/>
      <c r="AE11" s="842"/>
      <c r="AF11" s="842"/>
      <c r="AG11" s="842"/>
      <c r="AH11" s="842"/>
      <c r="AI11" s="842"/>
      <c r="AJ11" s="842"/>
      <c r="AK11" s="842"/>
      <c r="AL11" s="842"/>
      <c r="AM11" s="842"/>
      <c r="AN11" s="842"/>
      <c r="AO11" s="842"/>
      <c r="AP11" s="842"/>
      <c r="AQ11" s="842"/>
      <c r="AR11" s="842"/>
      <c r="AS11" s="842"/>
      <c r="AT11" s="842"/>
      <c r="AU11" s="842"/>
      <c r="AV11" s="304"/>
      <c r="AW11" s="304"/>
      <c r="AX11" s="305"/>
      <c r="AY11" s="760"/>
      <c r="AZ11" s="761"/>
      <c r="BA11" s="761"/>
      <c r="BB11" s="764">
        <v>3</v>
      </c>
      <c r="BC11" s="765"/>
      <c r="BD11" s="768"/>
      <c r="BE11" s="769"/>
      <c r="BF11" s="769"/>
      <c r="BG11" s="769"/>
      <c r="BH11" s="769"/>
      <c r="BI11" s="769"/>
      <c r="BJ11" s="769"/>
      <c r="BK11" s="769"/>
      <c r="BL11" s="769"/>
      <c r="BM11" s="769"/>
      <c r="BN11" s="769"/>
      <c r="BO11" s="769"/>
      <c r="BP11" s="769"/>
      <c r="BQ11" s="770"/>
      <c r="BR11" s="800"/>
      <c r="BS11" s="796"/>
      <c r="BT11" s="796"/>
      <c r="BU11" s="796"/>
      <c r="BV11" s="795" t="s">
        <v>279</v>
      </c>
      <c r="BW11" s="795"/>
      <c r="BX11" s="796"/>
      <c r="BY11" s="796"/>
      <c r="BZ11" s="795" t="s">
        <v>280</v>
      </c>
      <c r="CA11" s="795"/>
      <c r="CB11" s="796"/>
      <c r="CC11" s="796"/>
      <c r="CD11" s="795" t="s">
        <v>282</v>
      </c>
      <c r="CE11" s="795"/>
      <c r="CF11" s="795"/>
      <c r="CG11" s="795"/>
      <c r="CH11" s="797"/>
      <c r="CI11" s="800"/>
      <c r="CJ11" s="796"/>
      <c r="CK11" s="796"/>
      <c r="CL11" s="796"/>
      <c r="CM11" s="796"/>
      <c r="CN11" s="796"/>
      <c r="CO11" s="796"/>
      <c r="CP11" s="796"/>
      <c r="CQ11" s="796"/>
      <c r="CR11" s="796"/>
      <c r="CS11" s="796"/>
      <c r="CT11" s="796"/>
      <c r="CU11" s="796"/>
      <c r="CV11" s="796"/>
      <c r="CW11" s="796"/>
      <c r="CX11" s="796"/>
      <c r="CY11" s="796"/>
      <c r="CZ11" s="796"/>
      <c r="DA11" s="796"/>
      <c r="DB11" s="807"/>
    </row>
    <row r="12" spans="1:106" s="2" customFormat="1" ht="27" customHeight="1" thickBot="1" x14ac:dyDescent="0.2">
      <c r="A12" s="786"/>
      <c r="B12" s="787"/>
      <c r="C12" s="787"/>
      <c r="D12" s="787"/>
      <c r="E12" s="787"/>
      <c r="F12" s="787"/>
      <c r="G12" s="787"/>
      <c r="H12" s="787"/>
      <c r="I12" s="787"/>
      <c r="J12" s="787"/>
      <c r="K12" s="787"/>
      <c r="L12" s="787"/>
      <c r="M12" s="787"/>
      <c r="N12" s="787"/>
      <c r="O12" s="840"/>
      <c r="P12" s="841"/>
      <c r="Q12" s="841"/>
      <c r="R12" s="841"/>
      <c r="S12" s="841"/>
      <c r="T12" s="841"/>
      <c r="U12" s="841"/>
      <c r="V12" s="841"/>
      <c r="W12" s="841"/>
      <c r="X12" s="841"/>
      <c r="Y12" s="841"/>
      <c r="Z12" s="841"/>
      <c r="AA12" s="841"/>
      <c r="AB12" s="841"/>
      <c r="AC12" s="841"/>
      <c r="AD12" s="843"/>
      <c r="AE12" s="843"/>
      <c r="AF12" s="843"/>
      <c r="AG12" s="843"/>
      <c r="AH12" s="843"/>
      <c r="AI12" s="843"/>
      <c r="AJ12" s="843"/>
      <c r="AK12" s="843"/>
      <c r="AL12" s="843"/>
      <c r="AM12" s="843"/>
      <c r="AN12" s="843"/>
      <c r="AO12" s="843"/>
      <c r="AP12" s="843"/>
      <c r="AQ12" s="843"/>
      <c r="AR12" s="843"/>
      <c r="AS12" s="843"/>
      <c r="AT12" s="843"/>
      <c r="AU12" s="843"/>
      <c r="AV12" s="306"/>
      <c r="AW12" s="306"/>
      <c r="AX12" s="307"/>
      <c r="AY12" s="762"/>
      <c r="AZ12" s="763"/>
      <c r="BA12" s="763"/>
      <c r="BB12" s="844"/>
      <c r="BC12" s="845"/>
      <c r="BD12" s="829"/>
      <c r="BE12" s="830"/>
      <c r="BF12" s="830"/>
      <c r="BG12" s="830"/>
      <c r="BH12" s="830"/>
      <c r="BI12" s="830"/>
      <c r="BJ12" s="830"/>
      <c r="BK12" s="830"/>
      <c r="BL12" s="830"/>
      <c r="BM12" s="830"/>
      <c r="BN12" s="830"/>
      <c r="BO12" s="830"/>
      <c r="BP12" s="830"/>
      <c r="BQ12" s="831"/>
      <c r="BR12" s="848"/>
      <c r="BS12" s="835"/>
      <c r="BT12" s="835"/>
      <c r="BU12" s="835"/>
      <c r="BV12" s="836" t="s">
        <v>279</v>
      </c>
      <c r="BW12" s="836"/>
      <c r="BX12" s="835"/>
      <c r="BY12" s="835"/>
      <c r="BZ12" s="836" t="s">
        <v>280</v>
      </c>
      <c r="CA12" s="836"/>
      <c r="CB12" s="835"/>
      <c r="CC12" s="835"/>
      <c r="CD12" s="836" t="s">
        <v>281</v>
      </c>
      <c r="CE12" s="836"/>
      <c r="CF12" s="836"/>
      <c r="CG12" s="836"/>
      <c r="CH12" s="837"/>
      <c r="CI12" s="848"/>
      <c r="CJ12" s="835"/>
      <c r="CK12" s="835"/>
      <c r="CL12" s="835"/>
      <c r="CM12" s="835"/>
      <c r="CN12" s="835"/>
      <c r="CO12" s="835"/>
      <c r="CP12" s="835"/>
      <c r="CQ12" s="835"/>
      <c r="CR12" s="835"/>
      <c r="CS12" s="835"/>
      <c r="CT12" s="835"/>
      <c r="CU12" s="835"/>
      <c r="CV12" s="835"/>
      <c r="CW12" s="835"/>
      <c r="CX12" s="835"/>
      <c r="CY12" s="835"/>
      <c r="CZ12" s="835"/>
      <c r="DA12" s="835"/>
      <c r="DB12" s="849"/>
    </row>
    <row r="13" spans="1:106" s="2" customFormat="1" ht="54.75" customHeight="1" thickBot="1" x14ac:dyDescent="0.2">
      <c r="A13" s="714" t="s">
        <v>105</v>
      </c>
      <c r="B13" s="715"/>
      <c r="C13" s="715"/>
      <c r="D13" s="715"/>
      <c r="E13" s="715"/>
      <c r="F13" s="715"/>
      <c r="G13" s="715"/>
      <c r="H13" s="715"/>
      <c r="I13" s="715"/>
      <c r="J13" s="715"/>
      <c r="K13" s="715"/>
      <c r="L13" s="715"/>
      <c r="M13" s="715"/>
      <c r="N13" s="715"/>
      <c r="O13" s="798"/>
      <c r="P13" s="746"/>
      <c r="Q13" s="746"/>
      <c r="R13" s="746"/>
      <c r="S13" s="746"/>
      <c r="T13" s="828" t="s">
        <v>279</v>
      </c>
      <c r="U13" s="828"/>
      <c r="V13" s="746"/>
      <c r="W13" s="746"/>
      <c r="X13" s="828" t="s">
        <v>280</v>
      </c>
      <c r="Y13" s="828"/>
      <c r="Z13" s="746"/>
      <c r="AA13" s="746"/>
      <c r="AB13" s="828" t="s">
        <v>282</v>
      </c>
      <c r="AC13" s="828"/>
      <c r="AD13" s="828"/>
      <c r="AE13" s="828"/>
      <c r="AF13" s="746"/>
      <c r="AG13" s="746"/>
      <c r="AH13" s="746"/>
      <c r="AI13" s="746"/>
      <c r="AJ13" s="746"/>
      <c r="AK13" s="828" t="s">
        <v>279</v>
      </c>
      <c r="AL13" s="828"/>
      <c r="AM13" s="746"/>
      <c r="AN13" s="746"/>
      <c r="AO13" s="308" t="s">
        <v>280</v>
      </c>
      <c r="AP13" s="308"/>
      <c r="AQ13" s="746"/>
      <c r="AR13" s="746"/>
      <c r="AS13" s="828" t="s">
        <v>281</v>
      </c>
      <c r="AT13" s="828"/>
      <c r="AU13" s="828"/>
      <c r="AV13" s="828"/>
      <c r="AW13" s="308"/>
      <c r="AX13" s="309"/>
      <c r="AY13" s="732" t="s">
        <v>235</v>
      </c>
      <c r="AZ13" s="733"/>
      <c r="BA13" s="733"/>
      <c r="BB13" s="733"/>
      <c r="BC13" s="733"/>
      <c r="BD13" s="733"/>
      <c r="BE13" s="733"/>
      <c r="BF13" s="733"/>
      <c r="BG13" s="733"/>
      <c r="BH13" s="733"/>
      <c r="BI13" s="733"/>
      <c r="BJ13" s="733"/>
      <c r="BK13" s="733"/>
      <c r="BL13" s="733"/>
      <c r="BM13" s="733"/>
      <c r="BN13" s="733"/>
      <c r="BO13" s="733"/>
      <c r="BP13" s="733"/>
      <c r="BQ13" s="733"/>
      <c r="BR13" s="733"/>
      <c r="BS13" s="733"/>
      <c r="BT13" s="733"/>
      <c r="BU13" s="733"/>
      <c r="BV13" s="733"/>
      <c r="BW13" s="733"/>
      <c r="BX13" s="733"/>
      <c r="BY13" s="733"/>
      <c r="BZ13" s="734"/>
      <c r="CA13" s="735"/>
      <c r="CB13" s="735"/>
      <c r="CC13" s="735"/>
      <c r="CD13" s="735"/>
      <c r="CE13" s="735"/>
      <c r="CF13" s="735"/>
      <c r="CG13" s="735"/>
      <c r="CH13" s="735"/>
      <c r="CI13" s="735"/>
      <c r="CJ13" s="735"/>
      <c r="CK13" s="735"/>
      <c r="CL13" s="735"/>
      <c r="CM13" s="735"/>
      <c r="CN13" s="735"/>
      <c r="CO13" s="735"/>
      <c r="CP13" s="735"/>
      <c r="CQ13" s="735"/>
      <c r="CR13" s="735"/>
      <c r="CS13" s="735"/>
      <c r="CT13" s="735"/>
      <c r="CU13" s="735"/>
      <c r="CV13" s="735"/>
      <c r="CW13" s="735"/>
      <c r="CX13" s="735"/>
      <c r="CY13" s="735"/>
      <c r="CZ13" s="735"/>
      <c r="DA13" s="735"/>
      <c r="DB13" s="736"/>
    </row>
    <row r="14" spans="1:106" s="2" customFormat="1" ht="39" customHeight="1" x14ac:dyDescent="0.15">
      <c r="A14" s="731" t="s">
        <v>259</v>
      </c>
      <c r="B14" s="677"/>
      <c r="C14" s="677"/>
      <c r="D14" s="677"/>
      <c r="E14" s="677"/>
      <c r="F14" s="677"/>
      <c r="G14" s="677"/>
      <c r="H14" s="678"/>
      <c r="I14" s="801" t="s">
        <v>99</v>
      </c>
      <c r="J14" s="802"/>
      <c r="K14" s="802"/>
      <c r="L14" s="802"/>
      <c r="M14" s="802"/>
      <c r="N14" s="803"/>
      <c r="O14" s="877"/>
      <c r="P14" s="878"/>
      <c r="Q14" s="878"/>
      <c r="R14" s="878"/>
      <c r="S14" s="878"/>
      <c r="T14" s="878"/>
      <c r="U14" s="878"/>
      <c r="V14" s="878"/>
      <c r="W14" s="878"/>
      <c r="X14" s="878"/>
      <c r="Y14" s="875" t="s">
        <v>283</v>
      </c>
      <c r="Z14" s="875"/>
      <c r="AA14" s="875"/>
      <c r="AB14" s="875"/>
      <c r="AC14" s="876"/>
      <c r="AD14" s="676" t="s">
        <v>19</v>
      </c>
      <c r="AE14" s="677"/>
      <c r="AF14" s="677"/>
      <c r="AG14" s="677"/>
      <c r="AH14" s="677"/>
      <c r="AI14" s="677"/>
      <c r="AJ14" s="677"/>
      <c r="AK14" s="678"/>
      <c r="AL14" s="877"/>
      <c r="AM14" s="878"/>
      <c r="AN14" s="878"/>
      <c r="AO14" s="878"/>
      <c r="AP14" s="878"/>
      <c r="AQ14" s="878"/>
      <c r="AR14" s="878"/>
      <c r="AS14" s="878"/>
      <c r="AT14" s="878"/>
      <c r="AU14" s="875" t="s">
        <v>284</v>
      </c>
      <c r="AV14" s="875"/>
      <c r="AW14" s="875"/>
      <c r="AX14" s="876"/>
      <c r="AY14" s="676" t="s">
        <v>20</v>
      </c>
      <c r="AZ14" s="677"/>
      <c r="BA14" s="677"/>
      <c r="BB14" s="683"/>
      <c r="BC14" s="683"/>
      <c r="BD14" s="684"/>
      <c r="BE14" s="780" t="s">
        <v>84</v>
      </c>
      <c r="BF14" s="781"/>
      <c r="BG14" s="781"/>
      <c r="BH14" s="781"/>
      <c r="BI14" s="781"/>
      <c r="BJ14" s="781"/>
      <c r="BK14" s="782"/>
      <c r="BL14" s="779" t="s">
        <v>18</v>
      </c>
      <c r="BM14" s="683"/>
      <c r="BN14" s="683"/>
      <c r="BO14" s="683"/>
      <c r="BP14" s="683"/>
      <c r="BQ14" s="683"/>
      <c r="BR14" s="683"/>
      <c r="BS14" s="683"/>
      <c r="BT14" s="683"/>
      <c r="BU14" s="683"/>
      <c r="BV14" s="683"/>
      <c r="BW14" s="683"/>
      <c r="BX14" s="683"/>
      <c r="BY14" s="684"/>
      <c r="BZ14" s="737" t="s">
        <v>160</v>
      </c>
      <c r="CA14" s="738"/>
      <c r="CB14" s="738"/>
      <c r="CC14" s="738"/>
      <c r="CD14" s="738"/>
      <c r="CE14" s="738"/>
      <c r="CF14" s="739"/>
      <c r="CG14" s="740"/>
      <c r="CH14" s="741"/>
      <c r="CI14" s="741"/>
      <c r="CJ14" s="741"/>
      <c r="CK14" s="741"/>
      <c r="CL14" s="741"/>
      <c r="CM14" s="741"/>
      <c r="CN14" s="741"/>
      <c r="CO14" s="741"/>
      <c r="CP14" s="741"/>
      <c r="CQ14" s="741"/>
      <c r="CR14" s="741"/>
      <c r="CS14" s="741"/>
      <c r="CT14" s="741"/>
      <c r="CU14" s="741"/>
      <c r="CV14" s="741"/>
      <c r="CW14" s="741"/>
      <c r="CX14" s="741"/>
      <c r="CY14" s="741"/>
      <c r="CZ14" s="741"/>
      <c r="DA14" s="741"/>
      <c r="DB14" s="742"/>
    </row>
    <row r="15" spans="1:106" s="2" customFormat="1" ht="73.5" customHeight="1" thickBot="1" x14ac:dyDescent="0.2">
      <c r="A15" s="698" t="s">
        <v>249</v>
      </c>
      <c r="B15" s="699"/>
      <c r="C15" s="699"/>
      <c r="D15" s="699"/>
      <c r="E15" s="699"/>
      <c r="F15" s="699"/>
      <c r="G15" s="699"/>
      <c r="H15" s="700"/>
      <c r="I15" s="804"/>
      <c r="J15" s="805"/>
      <c r="K15" s="805"/>
      <c r="L15" s="805"/>
      <c r="M15" s="805"/>
      <c r="N15" s="806"/>
      <c r="O15" s="879"/>
      <c r="P15" s="880"/>
      <c r="Q15" s="880"/>
      <c r="R15" s="880"/>
      <c r="S15" s="880"/>
      <c r="T15" s="880"/>
      <c r="U15" s="880"/>
      <c r="V15" s="880"/>
      <c r="W15" s="880"/>
      <c r="X15" s="880"/>
      <c r="Y15" s="864"/>
      <c r="Z15" s="864"/>
      <c r="AA15" s="864"/>
      <c r="AB15" s="864"/>
      <c r="AC15" s="868"/>
      <c r="AD15" s="727"/>
      <c r="AE15" s="679"/>
      <c r="AF15" s="679"/>
      <c r="AG15" s="679"/>
      <c r="AH15" s="679"/>
      <c r="AI15" s="679"/>
      <c r="AJ15" s="679"/>
      <c r="AK15" s="686"/>
      <c r="AL15" s="879"/>
      <c r="AM15" s="880"/>
      <c r="AN15" s="880"/>
      <c r="AO15" s="880"/>
      <c r="AP15" s="880"/>
      <c r="AQ15" s="880"/>
      <c r="AR15" s="880"/>
      <c r="AS15" s="880"/>
      <c r="AT15" s="880"/>
      <c r="AU15" s="864"/>
      <c r="AV15" s="864"/>
      <c r="AW15" s="864"/>
      <c r="AX15" s="868"/>
      <c r="AY15" s="696"/>
      <c r="AZ15" s="697"/>
      <c r="BA15" s="833"/>
      <c r="BB15" s="834"/>
      <c r="BC15" s="697"/>
      <c r="BD15" s="832"/>
      <c r="BE15" s="724" t="s">
        <v>230</v>
      </c>
      <c r="BF15" s="725"/>
      <c r="BG15" s="725"/>
      <c r="BH15" s="725"/>
      <c r="BI15" s="725"/>
      <c r="BJ15" s="725"/>
      <c r="BK15" s="726"/>
      <c r="BL15" s="727"/>
      <c r="BM15" s="679"/>
      <c r="BN15" s="679"/>
      <c r="BO15" s="679"/>
      <c r="BP15" s="679"/>
      <c r="BQ15" s="679"/>
      <c r="BR15" s="679"/>
      <c r="BS15" s="679"/>
      <c r="BT15" s="679"/>
      <c r="BU15" s="679"/>
      <c r="BV15" s="679"/>
      <c r="BW15" s="679"/>
      <c r="BX15" s="679"/>
      <c r="BY15" s="686"/>
      <c r="BZ15" s="687" t="s">
        <v>21</v>
      </c>
      <c r="CA15" s="688"/>
      <c r="CB15" s="688"/>
      <c r="CC15" s="688"/>
      <c r="CD15" s="688"/>
      <c r="CE15" s="688"/>
      <c r="CF15" s="689"/>
      <c r="CG15" s="743"/>
      <c r="CH15" s="744"/>
      <c r="CI15" s="744"/>
      <c r="CJ15" s="744"/>
      <c r="CK15" s="744"/>
      <c r="CL15" s="744"/>
      <c r="CM15" s="744"/>
      <c r="CN15" s="744"/>
      <c r="CO15" s="744"/>
      <c r="CP15" s="744"/>
      <c r="CQ15" s="744"/>
      <c r="CR15" s="744"/>
      <c r="CS15" s="744"/>
      <c r="CT15" s="744"/>
      <c r="CU15" s="744"/>
      <c r="CV15" s="744"/>
      <c r="CW15" s="744"/>
      <c r="CX15" s="744"/>
      <c r="CY15" s="744"/>
      <c r="CZ15" s="744"/>
      <c r="DA15" s="744"/>
      <c r="DB15" s="745"/>
    </row>
    <row r="16" spans="1:106" s="64" customFormat="1" ht="11.25" customHeight="1" thickTop="1" thickBot="1" x14ac:dyDescent="0.2">
      <c r="A16" s="262"/>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262"/>
      <c r="AL16" s="262"/>
      <c r="AM16" s="262"/>
      <c r="AN16" s="262"/>
      <c r="AO16" s="262"/>
      <c r="AP16" s="262"/>
      <c r="AQ16" s="262"/>
      <c r="AR16" s="262"/>
      <c r="AS16" s="262"/>
      <c r="AT16" s="262"/>
      <c r="AU16" s="262"/>
      <c r="AV16" s="259"/>
      <c r="AW16" s="259"/>
      <c r="AX16" s="259"/>
      <c r="AY16" s="259"/>
      <c r="AZ16" s="259"/>
      <c r="BA16" s="259"/>
      <c r="BB16" s="262"/>
      <c r="BC16" s="262"/>
      <c r="BD16" s="262"/>
      <c r="BE16" s="262"/>
      <c r="BF16" s="262"/>
      <c r="BG16" s="262"/>
      <c r="BH16" s="262"/>
      <c r="BI16" s="262"/>
      <c r="BJ16" s="262"/>
      <c r="BK16" s="262"/>
      <c r="BL16" s="262"/>
      <c r="BM16" s="262"/>
      <c r="BN16" s="262"/>
      <c r="BO16" s="262"/>
      <c r="BP16" s="262"/>
      <c r="BQ16" s="262"/>
      <c r="BR16" s="262"/>
      <c r="BS16" s="262"/>
      <c r="BT16" s="262"/>
      <c r="BU16" s="262"/>
      <c r="BV16" s="262"/>
      <c r="BW16" s="262"/>
      <c r="BX16" s="262"/>
      <c r="BY16" s="262"/>
      <c r="BZ16" s="262"/>
      <c r="CA16" s="262"/>
      <c r="CB16" s="262"/>
      <c r="CC16" s="263"/>
      <c r="CD16" s="263"/>
      <c r="CE16" s="263"/>
      <c r="CF16" s="263"/>
      <c r="CG16" s="263"/>
      <c r="CH16" s="263"/>
      <c r="CI16" s="263"/>
      <c r="CJ16" s="262"/>
      <c r="CK16" s="262"/>
      <c r="CL16" s="262"/>
      <c r="CM16" s="262"/>
      <c r="CN16" s="262"/>
      <c r="CO16" s="262"/>
      <c r="CP16" s="262"/>
      <c r="CQ16" s="262"/>
      <c r="CR16" s="262"/>
      <c r="CS16" s="262"/>
      <c r="CT16" s="262"/>
      <c r="CU16" s="262"/>
      <c r="CV16" s="262"/>
      <c r="CW16" s="262"/>
      <c r="CX16" s="262"/>
      <c r="CY16" s="262"/>
      <c r="CZ16" s="262"/>
      <c r="DA16" s="262"/>
      <c r="DB16" s="262"/>
    </row>
    <row r="17" spans="1:145" s="53" customFormat="1" ht="27.75" customHeight="1" thickTop="1" x14ac:dyDescent="0.2">
      <c r="A17" s="701" t="s">
        <v>291</v>
      </c>
      <c r="B17" s="702"/>
      <c r="C17" s="702"/>
      <c r="D17" s="702"/>
      <c r="E17" s="702"/>
      <c r="F17" s="702"/>
      <c r="G17" s="702"/>
      <c r="H17" s="702"/>
      <c r="I17" s="702"/>
      <c r="J17" s="680"/>
      <c r="K17" s="681"/>
      <c r="L17" s="681"/>
      <c r="M17" s="681"/>
      <c r="N17" s="681"/>
      <c r="O17" s="681"/>
      <c r="P17" s="681"/>
      <c r="Q17" s="681"/>
      <c r="R17" s="681"/>
      <c r="S17" s="681"/>
      <c r="T17" s="681"/>
      <c r="U17" s="681"/>
      <c r="V17" s="681"/>
      <c r="W17" s="681"/>
      <c r="X17" s="681"/>
      <c r="Y17" s="681"/>
      <c r="Z17" s="681"/>
      <c r="AA17" s="681"/>
      <c r="AB17" s="681"/>
      <c r="AC17" s="681"/>
      <c r="AD17" s="681"/>
      <c r="AE17" s="681"/>
      <c r="AF17" s="681"/>
      <c r="AG17" s="681"/>
      <c r="AH17" s="681"/>
      <c r="AI17" s="681"/>
      <c r="AJ17" s="681"/>
      <c r="AK17" s="681"/>
      <c r="AL17" s="681"/>
      <c r="AM17" s="681"/>
      <c r="AN17" s="681"/>
      <c r="AO17" s="681"/>
      <c r="AP17" s="681"/>
      <c r="AQ17" s="681"/>
      <c r="AR17" s="681"/>
      <c r="AS17" s="681"/>
      <c r="AT17" s="681"/>
      <c r="AU17" s="681"/>
      <c r="AV17" s="681"/>
      <c r="AW17" s="681"/>
      <c r="AX17" s="682"/>
      <c r="AY17" s="716" t="s">
        <v>233</v>
      </c>
      <c r="AZ17" s="717"/>
      <c r="BA17" s="717"/>
      <c r="BB17" s="722"/>
      <c r="BC17" s="723"/>
      <c r="BD17" s="777" t="s">
        <v>181</v>
      </c>
      <c r="BE17" s="778"/>
      <c r="BF17" s="778"/>
      <c r="BG17" s="778"/>
      <c r="BH17" s="778"/>
      <c r="BI17" s="778"/>
      <c r="BJ17" s="778"/>
      <c r="BK17" s="778"/>
      <c r="BL17" s="778"/>
      <c r="BM17" s="778"/>
      <c r="BN17" s="778"/>
      <c r="BO17" s="778"/>
      <c r="BP17" s="778"/>
      <c r="BQ17" s="778"/>
      <c r="BR17" s="692" t="s">
        <v>105</v>
      </c>
      <c r="BS17" s="693"/>
      <c r="BT17" s="693"/>
      <c r="BU17" s="693"/>
      <c r="BV17" s="693"/>
      <c r="BW17" s="693"/>
      <c r="BX17" s="693"/>
      <c r="BY17" s="693"/>
      <c r="BZ17" s="693"/>
      <c r="CA17" s="693"/>
      <c r="CB17" s="693"/>
      <c r="CC17" s="693"/>
      <c r="CD17" s="693"/>
      <c r="CE17" s="693"/>
      <c r="CF17" s="693"/>
      <c r="CG17" s="693"/>
      <c r="CH17" s="694"/>
      <c r="CI17" s="712" t="s">
        <v>170</v>
      </c>
      <c r="CJ17" s="712"/>
      <c r="CK17" s="712"/>
      <c r="CL17" s="712"/>
      <c r="CM17" s="712"/>
      <c r="CN17" s="712"/>
      <c r="CO17" s="712"/>
      <c r="CP17" s="712"/>
      <c r="CQ17" s="712"/>
      <c r="CR17" s="712"/>
      <c r="CS17" s="712"/>
      <c r="CT17" s="712"/>
      <c r="CU17" s="712"/>
      <c r="CV17" s="712"/>
      <c r="CW17" s="712"/>
      <c r="CX17" s="712"/>
      <c r="CY17" s="712"/>
      <c r="CZ17" s="712"/>
      <c r="DA17" s="712"/>
      <c r="DB17" s="713"/>
      <c r="DC17" s="294"/>
      <c r="DD17" s="294"/>
      <c r="DE17" s="294"/>
      <c r="DF17" s="294"/>
      <c r="DG17" s="294"/>
      <c r="DH17" s="294"/>
      <c r="DI17" s="294"/>
      <c r="DJ17" s="294"/>
      <c r="DK17" s="294"/>
      <c r="DL17" s="218"/>
      <c r="DM17" s="218"/>
      <c r="DN17" s="218"/>
      <c r="DO17" s="218"/>
    </row>
    <row r="18" spans="1:145" s="2" customFormat="1" ht="25.95" customHeight="1" x14ac:dyDescent="0.2">
      <c r="A18" s="783" t="s">
        <v>237</v>
      </c>
      <c r="B18" s="784"/>
      <c r="C18" s="784"/>
      <c r="D18" s="784"/>
      <c r="E18" s="784"/>
      <c r="F18" s="784"/>
      <c r="G18" s="784"/>
      <c r="H18" s="784"/>
      <c r="I18" s="785"/>
      <c r="J18" s="851"/>
      <c r="K18" s="852"/>
      <c r="L18" s="852"/>
      <c r="M18" s="852"/>
      <c r="N18" s="852"/>
      <c r="O18" s="852"/>
      <c r="P18" s="852"/>
      <c r="Q18" s="852"/>
      <c r="R18" s="852"/>
      <c r="S18" s="852"/>
      <c r="T18" s="852"/>
      <c r="U18" s="852"/>
      <c r="V18" s="852"/>
      <c r="W18" s="852"/>
      <c r="X18" s="852"/>
      <c r="Y18" s="852"/>
      <c r="Z18" s="852"/>
      <c r="AA18" s="852"/>
      <c r="AB18" s="852"/>
      <c r="AC18" s="852"/>
      <c r="AD18" s="852"/>
      <c r="AE18" s="852"/>
      <c r="AF18" s="852"/>
      <c r="AG18" s="852"/>
      <c r="AH18" s="852"/>
      <c r="AI18" s="852"/>
      <c r="AJ18" s="852"/>
      <c r="AK18" s="852"/>
      <c r="AL18" s="852"/>
      <c r="AM18" s="852"/>
      <c r="AN18" s="852"/>
      <c r="AO18" s="852"/>
      <c r="AP18" s="852"/>
      <c r="AQ18" s="852"/>
      <c r="AR18" s="852"/>
      <c r="AS18" s="852"/>
      <c r="AT18" s="852"/>
      <c r="AU18" s="852"/>
      <c r="AV18" s="852"/>
      <c r="AW18" s="852"/>
      <c r="AX18" s="853"/>
      <c r="AY18" s="718"/>
      <c r="AZ18" s="719"/>
      <c r="BA18" s="719"/>
      <c r="BB18" s="764">
        <v>1</v>
      </c>
      <c r="BC18" s="765"/>
      <c r="BD18" s="822"/>
      <c r="BE18" s="823"/>
      <c r="BF18" s="823"/>
      <c r="BG18" s="823"/>
      <c r="BH18" s="823"/>
      <c r="BI18" s="823"/>
      <c r="BJ18" s="823"/>
      <c r="BK18" s="823"/>
      <c r="BL18" s="823"/>
      <c r="BM18" s="823"/>
      <c r="BN18" s="823"/>
      <c r="BO18" s="823"/>
      <c r="BP18" s="823"/>
      <c r="BQ18" s="824"/>
      <c r="BR18" s="800"/>
      <c r="BS18" s="796"/>
      <c r="BT18" s="796"/>
      <c r="BU18" s="796"/>
      <c r="BV18" s="795" t="s">
        <v>279</v>
      </c>
      <c r="BW18" s="795"/>
      <c r="BX18" s="796"/>
      <c r="BY18" s="796"/>
      <c r="BZ18" s="795" t="s">
        <v>280</v>
      </c>
      <c r="CA18" s="795"/>
      <c r="CB18" s="796"/>
      <c r="CC18" s="796"/>
      <c r="CD18" s="795" t="s">
        <v>282</v>
      </c>
      <c r="CE18" s="795"/>
      <c r="CF18" s="795"/>
      <c r="CG18" s="795"/>
      <c r="CH18" s="797"/>
      <c r="CI18" s="800"/>
      <c r="CJ18" s="796"/>
      <c r="CK18" s="796"/>
      <c r="CL18" s="796"/>
      <c r="CM18" s="796"/>
      <c r="CN18" s="796"/>
      <c r="CO18" s="796"/>
      <c r="CP18" s="796"/>
      <c r="CQ18" s="796"/>
      <c r="CR18" s="796"/>
      <c r="CS18" s="796"/>
      <c r="CT18" s="796"/>
      <c r="CU18" s="796"/>
      <c r="CV18" s="796"/>
      <c r="CW18" s="796"/>
      <c r="CX18" s="796"/>
      <c r="CY18" s="796"/>
      <c r="CZ18" s="796"/>
      <c r="DA18" s="796"/>
      <c r="DB18" s="807"/>
      <c r="DC18" s="287"/>
      <c r="DD18" s="287"/>
      <c r="DE18" s="287"/>
      <c r="DF18" s="287"/>
      <c r="DG18" s="287"/>
      <c r="DH18" s="287"/>
      <c r="DI18" s="287"/>
      <c r="DJ18" s="287"/>
      <c r="DK18" s="287"/>
      <c r="DL18" s="287"/>
      <c r="DM18" s="287"/>
      <c r="DN18" s="287"/>
      <c r="DO18" s="287"/>
      <c r="DP18" s="287"/>
      <c r="DQ18" s="287"/>
      <c r="DR18" s="287"/>
      <c r="DS18" s="287"/>
      <c r="DT18" s="287"/>
      <c r="DU18" s="287"/>
      <c r="DV18" s="287"/>
      <c r="DW18" s="287"/>
      <c r="DX18" s="287"/>
      <c r="DY18" s="287"/>
      <c r="DZ18" s="287"/>
      <c r="EA18" s="287"/>
      <c r="EB18" s="287"/>
      <c r="EC18" s="294"/>
      <c r="ED18" s="294"/>
      <c r="EE18" s="294"/>
      <c r="EF18" s="294"/>
      <c r="EG18" s="294"/>
      <c r="EH18" s="294"/>
      <c r="EI18" s="294"/>
      <c r="EJ18" s="294"/>
      <c r="EK18" s="294"/>
      <c r="EL18" s="218"/>
      <c r="EM18" s="218"/>
      <c r="EN18" s="175"/>
      <c r="EO18" s="175"/>
    </row>
    <row r="19" spans="1:145" s="2" customFormat="1" ht="25.95" customHeight="1" thickBot="1" x14ac:dyDescent="0.25">
      <c r="A19" s="786"/>
      <c r="B19" s="787"/>
      <c r="C19" s="787"/>
      <c r="D19" s="787"/>
      <c r="E19" s="787"/>
      <c r="F19" s="787"/>
      <c r="G19" s="787"/>
      <c r="H19" s="787"/>
      <c r="I19" s="788"/>
      <c r="J19" s="854"/>
      <c r="K19" s="810"/>
      <c r="L19" s="810"/>
      <c r="M19" s="810"/>
      <c r="N19" s="810"/>
      <c r="O19" s="810"/>
      <c r="P19" s="810"/>
      <c r="Q19" s="810"/>
      <c r="R19" s="810"/>
      <c r="S19" s="810"/>
      <c r="T19" s="810"/>
      <c r="U19" s="810"/>
      <c r="V19" s="810"/>
      <c r="W19" s="810"/>
      <c r="X19" s="810"/>
      <c r="Y19" s="810"/>
      <c r="Z19" s="810"/>
      <c r="AA19" s="810"/>
      <c r="AB19" s="810"/>
      <c r="AC19" s="810"/>
      <c r="AD19" s="810"/>
      <c r="AE19" s="810"/>
      <c r="AF19" s="810"/>
      <c r="AG19" s="810"/>
      <c r="AH19" s="810"/>
      <c r="AI19" s="810"/>
      <c r="AJ19" s="810"/>
      <c r="AK19" s="810"/>
      <c r="AL19" s="810"/>
      <c r="AM19" s="810"/>
      <c r="AN19" s="810"/>
      <c r="AO19" s="810"/>
      <c r="AP19" s="810"/>
      <c r="AQ19" s="810"/>
      <c r="AR19" s="810"/>
      <c r="AS19" s="810"/>
      <c r="AT19" s="810"/>
      <c r="AU19" s="810"/>
      <c r="AV19" s="810"/>
      <c r="AW19" s="810"/>
      <c r="AX19" s="855"/>
      <c r="AY19" s="718"/>
      <c r="AZ19" s="719"/>
      <c r="BA19" s="719"/>
      <c r="BB19" s="766"/>
      <c r="BC19" s="767"/>
      <c r="BD19" s="825"/>
      <c r="BE19" s="826"/>
      <c r="BF19" s="826"/>
      <c r="BG19" s="826"/>
      <c r="BH19" s="826"/>
      <c r="BI19" s="826"/>
      <c r="BJ19" s="826"/>
      <c r="BK19" s="826"/>
      <c r="BL19" s="826"/>
      <c r="BM19" s="826"/>
      <c r="BN19" s="826"/>
      <c r="BO19" s="826"/>
      <c r="BP19" s="826"/>
      <c r="BQ19" s="827"/>
      <c r="BR19" s="862"/>
      <c r="BS19" s="863"/>
      <c r="BT19" s="863"/>
      <c r="BU19" s="863"/>
      <c r="BV19" s="860" t="s">
        <v>279</v>
      </c>
      <c r="BW19" s="860"/>
      <c r="BX19" s="863"/>
      <c r="BY19" s="863"/>
      <c r="BZ19" s="860" t="s">
        <v>280</v>
      </c>
      <c r="CA19" s="860"/>
      <c r="CB19" s="863"/>
      <c r="CC19" s="863"/>
      <c r="CD19" s="860" t="s">
        <v>281</v>
      </c>
      <c r="CE19" s="860"/>
      <c r="CF19" s="860"/>
      <c r="CG19" s="860"/>
      <c r="CH19" s="861"/>
      <c r="CI19" s="774"/>
      <c r="CJ19" s="775"/>
      <c r="CK19" s="775"/>
      <c r="CL19" s="775"/>
      <c r="CM19" s="775"/>
      <c r="CN19" s="775"/>
      <c r="CO19" s="775"/>
      <c r="CP19" s="775"/>
      <c r="CQ19" s="775"/>
      <c r="CR19" s="775"/>
      <c r="CS19" s="775"/>
      <c r="CT19" s="775"/>
      <c r="CU19" s="775"/>
      <c r="CV19" s="775"/>
      <c r="CW19" s="775"/>
      <c r="CX19" s="775"/>
      <c r="CY19" s="775"/>
      <c r="CZ19" s="775"/>
      <c r="DA19" s="775"/>
      <c r="DB19" s="808"/>
      <c r="DC19" s="287"/>
      <c r="DD19" s="287"/>
      <c r="DE19" s="287"/>
      <c r="DF19" s="287"/>
      <c r="DG19" s="287"/>
      <c r="DH19" s="287"/>
      <c r="DI19" s="287"/>
      <c r="DJ19" s="287"/>
      <c r="DK19" s="287"/>
      <c r="DL19" s="287"/>
      <c r="DM19" s="287"/>
      <c r="DN19" s="287"/>
      <c r="DO19" s="287"/>
      <c r="DP19" s="287"/>
      <c r="DQ19" s="287"/>
      <c r="DR19" s="287"/>
      <c r="DS19" s="287"/>
      <c r="DT19" s="287"/>
      <c r="DU19" s="287"/>
      <c r="DV19" s="287"/>
      <c r="DW19" s="287"/>
      <c r="DX19" s="287"/>
      <c r="DY19" s="287"/>
      <c r="DZ19" s="287"/>
      <c r="EA19" s="287"/>
      <c r="EB19" s="287"/>
      <c r="EC19" s="294"/>
      <c r="ED19" s="294"/>
      <c r="EE19" s="294"/>
      <c r="EF19" s="294"/>
      <c r="EG19" s="294"/>
      <c r="EH19" s="294"/>
      <c r="EI19" s="294"/>
      <c r="EJ19" s="294"/>
      <c r="EK19" s="294"/>
      <c r="EL19" s="218"/>
      <c r="EM19" s="218"/>
      <c r="EN19" s="175"/>
      <c r="EO19" s="175"/>
    </row>
    <row r="20" spans="1:145" s="2" customFormat="1" ht="25.95" customHeight="1" x14ac:dyDescent="0.2">
      <c r="A20" s="747" t="s">
        <v>246</v>
      </c>
      <c r="B20" s="748"/>
      <c r="C20" s="748"/>
      <c r="D20" s="748"/>
      <c r="E20" s="748"/>
      <c r="F20" s="748"/>
      <c r="G20" s="748"/>
      <c r="H20" s="748"/>
      <c r="I20" s="816"/>
      <c r="J20" s="813"/>
      <c r="K20" s="811"/>
      <c r="L20" s="811"/>
      <c r="M20" s="809"/>
      <c r="N20" s="809"/>
      <c r="O20" s="809"/>
      <c r="P20" s="809"/>
      <c r="Q20" s="809"/>
      <c r="R20" s="809"/>
      <c r="S20" s="811" t="s">
        <v>279</v>
      </c>
      <c r="T20" s="811"/>
      <c r="U20" s="809"/>
      <c r="V20" s="809"/>
      <c r="W20" s="809"/>
      <c r="X20" s="811" t="s">
        <v>280</v>
      </c>
      <c r="Y20" s="811"/>
      <c r="Z20" s="809"/>
      <c r="AA20" s="809"/>
      <c r="AB20" s="809"/>
      <c r="AC20" s="811" t="s">
        <v>288</v>
      </c>
      <c r="AD20" s="811"/>
      <c r="AE20" s="811"/>
      <c r="AF20" s="811"/>
      <c r="AG20" s="815" t="s">
        <v>14</v>
      </c>
      <c r="AH20" s="748"/>
      <c r="AI20" s="748"/>
      <c r="AJ20" s="748"/>
      <c r="AK20" s="748"/>
      <c r="AL20" s="748"/>
      <c r="AM20" s="816"/>
      <c r="AN20" s="809"/>
      <c r="AO20" s="809"/>
      <c r="AP20" s="809"/>
      <c r="AQ20" s="809"/>
      <c r="AR20" s="809"/>
      <c r="AS20" s="809"/>
      <c r="AT20" s="809"/>
      <c r="AU20" s="809"/>
      <c r="AV20" s="809"/>
      <c r="AW20" s="809"/>
      <c r="AX20" s="856"/>
      <c r="AY20" s="718"/>
      <c r="AZ20" s="719"/>
      <c r="BA20" s="719"/>
      <c r="BB20" s="764">
        <v>2</v>
      </c>
      <c r="BC20" s="765"/>
      <c r="BD20" s="822"/>
      <c r="BE20" s="823"/>
      <c r="BF20" s="823"/>
      <c r="BG20" s="823"/>
      <c r="BH20" s="823"/>
      <c r="BI20" s="823"/>
      <c r="BJ20" s="823"/>
      <c r="BK20" s="823"/>
      <c r="BL20" s="823"/>
      <c r="BM20" s="823"/>
      <c r="BN20" s="823"/>
      <c r="BO20" s="823"/>
      <c r="BP20" s="823"/>
      <c r="BQ20" s="824"/>
      <c r="BR20" s="862"/>
      <c r="BS20" s="863"/>
      <c r="BT20" s="863"/>
      <c r="BU20" s="863"/>
      <c r="BV20" s="860" t="s">
        <v>279</v>
      </c>
      <c r="BW20" s="860"/>
      <c r="BX20" s="863"/>
      <c r="BY20" s="863"/>
      <c r="BZ20" s="860" t="s">
        <v>280</v>
      </c>
      <c r="CA20" s="860"/>
      <c r="CB20" s="863"/>
      <c r="CC20" s="863"/>
      <c r="CD20" s="860" t="s">
        <v>282</v>
      </c>
      <c r="CE20" s="860"/>
      <c r="CF20" s="860"/>
      <c r="CG20" s="860"/>
      <c r="CH20" s="861"/>
      <c r="CI20" s="800"/>
      <c r="CJ20" s="796"/>
      <c r="CK20" s="796"/>
      <c r="CL20" s="796"/>
      <c r="CM20" s="796"/>
      <c r="CN20" s="796"/>
      <c r="CO20" s="796"/>
      <c r="CP20" s="796"/>
      <c r="CQ20" s="796"/>
      <c r="CR20" s="796"/>
      <c r="CS20" s="796"/>
      <c r="CT20" s="796"/>
      <c r="CU20" s="796"/>
      <c r="CV20" s="796"/>
      <c r="CW20" s="796"/>
      <c r="CX20" s="796"/>
      <c r="CY20" s="796"/>
      <c r="CZ20" s="796"/>
      <c r="DA20" s="796"/>
      <c r="DB20" s="807"/>
      <c r="DC20" s="287"/>
      <c r="DD20" s="287"/>
      <c r="DE20" s="287"/>
      <c r="DF20" s="287"/>
      <c r="DG20" s="287"/>
      <c r="DH20" s="287"/>
      <c r="DI20" s="287"/>
      <c r="DJ20" s="287"/>
      <c r="DK20" s="287"/>
      <c r="DL20" s="287"/>
      <c r="DM20" s="287"/>
      <c r="DN20" s="287"/>
      <c r="DO20" s="287"/>
      <c r="DP20" s="287"/>
      <c r="DQ20" s="287"/>
      <c r="DR20" s="287"/>
      <c r="DS20" s="287"/>
      <c r="DT20" s="287"/>
      <c r="DU20" s="287"/>
      <c r="DV20" s="287"/>
      <c r="DW20" s="287"/>
      <c r="DX20" s="287"/>
      <c r="DY20" s="287"/>
      <c r="DZ20" s="287"/>
      <c r="EA20" s="287"/>
      <c r="EB20" s="287"/>
      <c r="EC20" s="294"/>
      <c r="ED20" s="294"/>
      <c r="EE20" s="294"/>
      <c r="EF20" s="294"/>
      <c r="EG20" s="294"/>
      <c r="EH20" s="294"/>
      <c r="EI20" s="294"/>
      <c r="EJ20" s="294"/>
      <c r="EK20" s="294"/>
      <c r="EL20" s="218"/>
      <c r="EM20" s="218"/>
      <c r="EN20" s="175"/>
      <c r="EO20" s="175"/>
    </row>
    <row r="21" spans="1:145" s="64" customFormat="1" ht="25.95" customHeight="1" thickBot="1" x14ac:dyDescent="0.25">
      <c r="A21" s="786"/>
      <c r="B21" s="787"/>
      <c r="C21" s="787"/>
      <c r="D21" s="787"/>
      <c r="E21" s="787"/>
      <c r="F21" s="787"/>
      <c r="G21" s="787"/>
      <c r="H21" s="787"/>
      <c r="I21" s="788"/>
      <c r="J21" s="814"/>
      <c r="K21" s="812"/>
      <c r="L21" s="812"/>
      <c r="M21" s="810"/>
      <c r="N21" s="810"/>
      <c r="O21" s="810"/>
      <c r="P21" s="810"/>
      <c r="Q21" s="810"/>
      <c r="R21" s="810"/>
      <c r="S21" s="812"/>
      <c r="T21" s="812"/>
      <c r="U21" s="810"/>
      <c r="V21" s="810"/>
      <c r="W21" s="810"/>
      <c r="X21" s="812"/>
      <c r="Y21" s="812"/>
      <c r="Z21" s="810"/>
      <c r="AA21" s="810"/>
      <c r="AB21" s="810"/>
      <c r="AC21" s="812"/>
      <c r="AD21" s="812"/>
      <c r="AE21" s="812"/>
      <c r="AF21" s="812"/>
      <c r="AG21" s="817"/>
      <c r="AH21" s="787"/>
      <c r="AI21" s="787"/>
      <c r="AJ21" s="787"/>
      <c r="AK21" s="787"/>
      <c r="AL21" s="787"/>
      <c r="AM21" s="788"/>
      <c r="AN21" s="810"/>
      <c r="AO21" s="810"/>
      <c r="AP21" s="810"/>
      <c r="AQ21" s="810"/>
      <c r="AR21" s="810"/>
      <c r="AS21" s="810"/>
      <c r="AT21" s="810"/>
      <c r="AU21" s="810"/>
      <c r="AV21" s="810"/>
      <c r="AW21" s="810"/>
      <c r="AX21" s="855"/>
      <c r="AY21" s="718"/>
      <c r="AZ21" s="719"/>
      <c r="BA21" s="719"/>
      <c r="BB21" s="766"/>
      <c r="BC21" s="767"/>
      <c r="BD21" s="825"/>
      <c r="BE21" s="826"/>
      <c r="BF21" s="826"/>
      <c r="BG21" s="826"/>
      <c r="BH21" s="826"/>
      <c r="BI21" s="826"/>
      <c r="BJ21" s="826"/>
      <c r="BK21" s="826"/>
      <c r="BL21" s="826"/>
      <c r="BM21" s="826"/>
      <c r="BN21" s="826"/>
      <c r="BO21" s="826"/>
      <c r="BP21" s="826"/>
      <c r="BQ21" s="827"/>
      <c r="BR21" s="862"/>
      <c r="BS21" s="863"/>
      <c r="BT21" s="863"/>
      <c r="BU21" s="863"/>
      <c r="BV21" s="860" t="s">
        <v>279</v>
      </c>
      <c r="BW21" s="860"/>
      <c r="BX21" s="863"/>
      <c r="BY21" s="863"/>
      <c r="BZ21" s="860" t="s">
        <v>280</v>
      </c>
      <c r="CA21" s="860"/>
      <c r="CB21" s="863"/>
      <c r="CC21" s="863"/>
      <c r="CD21" s="860" t="s">
        <v>281</v>
      </c>
      <c r="CE21" s="860"/>
      <c r="CF21" s="860"/>
      <c r="CG21" s="860"/>
      <c r="CH21" s="861"/>
      <c r="CI21" s="774"/>
      <c r="CJ21" s="775"/>
      <c r="CK21" s="775"/>
      <c r="CL21" s="775"/>
      <c r="CM21" s="775"/>
      <c r="CN21" s="775"/>
      <c r="CO21" s="775"/>
      <c r="CP21" s="775"/>
      <c r="CQ21" s="775"/>
      <c r="CR21" s="775"/>
      <c r="CS21" s="775"/>
      <c r="CT21" s="775"/>
      <c r="CU21" s="775"/>
      <c r="CV21" s="775"/>
      <c r="CW21" s="775"/>
      <c r="CX21" s="775"/>
      <c r="CY21" s="775"/>
      <c r="CZ21" s="775"/>
      <c r="DA21" s="775"/>
      <c r="DB21" s="808"/>
      <c r="DC21" s="287"/>
      <c r="DD21" s="287"/>
      <c r="DE21" s="287"/>
      <c r="DF21" s="287"/>
      <c r="DG21" s="287"/>
      <c r="DH21" s="287"/>
      <c r="DI21" s="287"/>
      <c r="DJ21" s="287"/>
      <c r="DK21" s="287"/>
      <c r="DL21" s="287"/>
      <c r="DM21" s="287"/>
      <c r="DN21" s="287"/>
      <c r="DO21" s="287"/>
      <c r="DP21" s="287"/>
      <c r="DQ21" s="287"/>
      <c r="DR21" s="287"/>
      <c r="DS21" s="287"/>
      <c r="DT21" s="287"/>
      <c r="DU21" s="287"/>
      <c r="DV21" s="287"/>
      <c r="DW21" s="287"/>
      <c r="DX21" s="287"/>
      <c r="DY21" s="287"/>
      <c r="DZ21" s="287"/>
      <c r="EA21" s="287"/>
      <c r="EB21" s="287"/>
      <c r="EC21" s="258"/>
      <c r="ED21" s="258"/>
      <c r="EE21" s="258"/>
      <c r="EF21" s="258"/>
      <c r="EG21" s="258"/>
      <c r="EH21" s="258"/>
      <c r="EI21" s="258"/>
      <c r="EJ21" s="258"/>
      <c r="EK21" s="258"/>
      <c r="EL21" s="218"/>
      <c r="EM21" s="218"/>
      <c r="EN21" s="172"/>
      <c r="EO21" s="172"/>
    </row>
    <row r="22" spans="1:145" s="64" customFormat="1" ht="25.95" customHeight="1" x14ac:dyDescent="0.2">
      <c r="A22" s="747" t="s">
        <v>105</v>
      </c>
      <c r="B22" s="748"/>
      <c r="C22" s="748"/>
      <c r="D22" s="748"/>
      <c r="E22" s="748"/>
      <c r="F22" s="748"/>
      <c r="G22" s="748"/>
      <c r="H22" s="748"/>
      <c r="I22" s="748"/>
      <c r="J22" s="748"/>
      <c r="K22" s="748"/>
      <c r="L22" s="748"/>
      <c r="M22" s="748"/>
      <c r="N22" s="748"/>
      <c r="O22" s="873"/>
      <c r="P22" s="809"/>
      <c r="Q22" s="809"/>
      <c r="R22" s="809"/>
      <c r="S22" s="809"/>
      <c r="T22" s="846" t="s">
        <v>279</v>
      </c>
      <c r="U22" s="846"/>
      <c r="V22" s="809"/>
      <c r="W22" s="809"/>
      <c r="X22" s="846" t="s">
        <v>280</v>
      </c>
      <c r="Y22" s="846"/>
      <c r="Z22" s="809"/>
      <c r="AA22" s="809"/>
      <c r="AB22" s="846" t="s">
        <v>282</v>
      </c>
      <c r="AC22" s="846"/>
      <c r="AD22" s="846"/>
      <c r="AE22" s="846"/>
      <c r="AF22" s="809"/>
      <c r="AG22" s="809"/>
      <c r="AH22" s="809"/>
      <c r="AI22" s="809"/>
      <c r="AJ22" s="809"/>
      <c r="AK22" s="846" t="s">
        <v>274</v>
      </c>
      <c r="AL22" s="846"/>
      <c r="AM22" s="809"/>
      <c r="AN22" s="809"/>
      <c r="AO22" s="846" t="s">
        <v>278</v>
      </c>
      <c r="AP22" s="846"/>
      <c r="AQ22" s="809"/>
      <c r="AR22" s="809"/>
      <c r="AS22" s="846" t="s">
        <v>277</v>
      </c>
      <c r="AT22" s="846"/>
      <c r="AU22" s="846"/>
      <c r="AV22" s="846"/>
      <c r="AW22" s="846"/>
      <c r="AX22" s="881"/>
      <c r="AY22" s="718"/>
      <c r="AZ22" s="719"/>
      <c r="BA22" s="719"/>
      <c r="BB22" s="764">
        <v>3</v>
      </c>
      <c r="BC22" s="765"/>
      <c r="BD22" s="822"/>
      <c r="BE22" s="823"/>
      <c r="BF22" s="823"/>
      <c r="BG22" s="823"/>
      <c r="BH22" s="823"/>
      <c r="BI22" s="823"/>
      <c r="BJ22" s="823"/>
      <c r="BK22" s="823"/>
      <c r="BL22" s="823"/>
      <c r="BM22" s="823"/>
      <c r="BN22" s="823"/>
      <c r="BO22" s="823"/>
      <c r="BP22" s="823"/>
      <c r="BQ22" s="824"/>
      <c r="BR22" s="862"/>
      <c r="BS22" s="863"/>
      <c r="BT22" s="863"/>
      <c r="BU22" s="863"/>
      <c r="BV22" s="860" t="s">
        <v>279</v>
      </c>
      <c r="BW22" s="860"/>
      <c r="BX22" s="863"/>
      <c r="BY22" s="863"/>
      <c r="BZ22" s="860" t="s">
        <v>280</v>
      </c>
      <c r="CA22" s="860"/>
      <c r="CB22" s="863"/>
      <c r="CC22" s="863"/>
      <c r="CD22" s="860" t="s">
        <v>282</v>
      </c>
      <c r="CE22" s="860"/>
      <c r="CF22" s="860"/>
      <c r="CG22" s="860"/>
      <c r="CH22" s="861"/>
      <c r="CI22" s="800"/>
      <c r="CJ22" s="796"/>
      <c r="CK22" s="796"/>
      <c r="CL22" s="796"/>
      <c r="CM22" s="796"/>
      <c r="CN22" s="796"/>
      <c r="CO22" s="796"/>
      <c r="CP22" s="796"/>
      <c r="CQ22" s="796"/>
      <c r="CR22" s="796"/>
      <c r="CS22" s="796"/>
      <c r="CT22" s="796"/>
      <c r="CU22" s="796"/>
      <c r="CV22" s="796"/>
      <c r="CW22" s="796"/>
      <c r="CX22" s="796"/>
      <c r="CY22" s="796"/>
      <c r="CZ22" s="796"/>
      <c r="DA22" s="796"/>
      <c r="DB22" s="807"/>
      <c r="DC22" s="287"/>
      <c r="DD22" s="287"/>
      <c r="DE22" s="287"/>
      <c r="DF22" s="287"/>
      <c r="DG22" s="287"/>
      <c r="DH22" s="287"/>
      <c r="DI22" s="287"/>
      <c r="DJ22" s="287"/>
      <c r="DK22" s="287"/>
      <c r="DL22" s="287"/>
      <c r="DM22" s="287"/>
      <c r="DN22" s="287"/>
      <c r="DO22" s="287"/>
      <c r="DP22" s="287"/>
      <c r="DQ22" s="287"/>
      <c r="DR22" s="287"/>
      <c r="DS22" s="287"/>
      <c r="DT22" s="287"/>
      <c r="DU22" s="287"/>
      <c r="DV22" s="287"/>
      <c r="DW22" s="287"/>
      <c r="DX22" s="287"/>
      <c r="DY22" s="287"/>
      <c r="DZ22" s="287"/>
      <c r="EA22" s="287"/>
      <c r="EB22" s="287"/>
      <c r="EC22" s="258"/>
      <c r="ED22" s="258"/>
      <c r="EE22" s="258"/>
      <c r="EF22" s="258"/>
      <c r="EG22" s="258"/>
      <c r="EH22" s="258"/>
      <c r="EI22" s="258"/>
      <c r="EJ22" s="258"/>
      <c r="EK22" s="258"/>
      <c r="EL22" s="218"/>
      <c r="EM22" s="218"/>
      <c r="EN22" s="172"/>
      <c r="EO22" s="172"/>
    </row>
    <row r="23" spans="1:145" s="103" customFormat="1" ht="25.95" customHeight="1" thickBot="1" x14ac:dyDescent="0.25">
      <c r="A23" s="749"/>
      <c r="B23" s="750"/>
      <c r="C23" s="750"/>
      <c r="D23" s="750"/>
      <c r="E23" s="750"/>
      <c r="F23" s="750"/>
      <c r="G23" s="750"/>
      <c r="H23" s="750"/>
      <c r="I23" s="750"/>
      <c r="J23" s="750"/>
      <c r="K23" s="750"/>
      <c r="L23" s="750"/>
      <c r="M23" s="750"/>
      <c r="N23" s="750"/>
      <c r="O23" s="874"/>
      <c r="P23" s="850"/>
      <c r="Q23" s="850"/>
      <c r="R23" s="850"/>
      <c r="S23" s="850"/>
      <c r="T23" s="847"/>
      <c r="U23" s="847"/>
      <c r="V23" s="850"/>
      <c r="W23" s="850"/>
      <c r="X23" s="847"/>
      <c r="Y23" s="847"/>
      <c r="Z23" s="850"/>
      <c r="AA23" s="850"/>
      <c r="AB23" s="847"/>
      <c r="AC23" s="847"/>
      <c r="AD23" s="847"/>
      <c r="AE23" s="847"/>
      <c r="AF23" s="850"/>
      <c r="AG23" s="850"/>
      <c r="AH23" s="850"/>
      <c r="AI23" s="850"/>
      <c r="AJ23" s="850"/>
      <c r="AK23" s="847"/>
      <c r="AL23" s="847"/>
      <c r="AM23" s="850"/>
      <c r="AN23" s="850"/>
      <c r="AO23" s="847"/>
      <c r="AP23" s="847"/>
      <c r="AQ23" s="850"/>
      <c r="AR23" s="850"/>
      <c r="AS23" s="847"/>
      <c r="AT23" s="847"/>
      <c r="AU23" s="847"/>
      <c r="AV23" s="847"/>
      <c r="AW23" s="847"/>
      <c r="AX23" s="882"/>
      <c r="AY23" s="720"/>
      <c r="AZ23" s="721"/>
      <c r="BA23" s="721"/>
      <c r="BB23" s="869"/>
      <c r="BC23" s="870"/>
      <c r="BD23" s="865"/>
      <c r="BE23" s="866"/>
      <c r="BF23" s="866"/>
      <c r="BG23" s="866"/>
      <c r="BH23" s="866"/>
      <c r="BI23" s="866"/>
      <c r="BJ23" s="866"/>
      <c r="BK23" s="866"/>
      <c r="BL23" s="866"/>
      <c r="BM23" s="866"/>
      <c r="BN23" s="866"/>
      <c r="BO23" s="866"/>
      <c r="BP23" s="866"/>
      <c r="BQ23" s="867"/>
      <c r="BR23" s="857"/>
      <c r="BS23" s="858"/>
      <c r="BT23" s="858"/>
      <c r="BU23" s="858"/>
      <c r="BV23" s="864" t="s">
        <v>279</v>
      </c>
      <c r="BW23" s="864"/>
      <c r="BX23" s="858"/>
      <c r="BY23" s="858"/>
      <c r="BZ23" s="864" t="s">
        <v>280</v>
      </c>
      <c r="CA23" s="864"/>
      <c r="CB23" s="858"/>
      <c r="CC23" s="858"/>
      <c r="CD23" s="864" t="s">
        <v>281</v>
      </c>
      <c r="CE23" s="864"/>
      <c r="CF23" s="864"/>
      <c r="CG23" s="864"/>
      <c r="CH23" s="868"/>
      <c r="CI23" s="857"/>
      <c r="CJ23" s="858"/>
      <c r="CK23" s="858"/>
      <c r="CL23" s="858"/>
      <c r="CM23" s="858"/>
      <c r="CN23" s="858"/>
      <c r="CO23" s="858"/>
      <c r="CP23" s="858"/>
      <c r="CQ23" s="858"/>
      <c r="CR23" s="858"/>
      <c r="CS23" s="858"/>
      <c r="CT23" s="858"/>
      <c r="CU23" s="858"/>
      <c r="CV23" s="858"/>
      <c r="CW23" s="858"/>
      <c r="CX23" s="858"/>
      <c r="CY23" s="858"/>
      <c r="CZ23" s="858"/>
      <c r="DA23" s="858"/>
      <c r="DB23" s="859"/>
      <c r="DC23" s="287"/>
      <c r="DD23" s="287"/>
      <c r="DE23" s="287"/>
      <c r="DF23" s="287"/>
      <c r="DG23" s="287"/>
      <c r="DH23" s="287"/>
      <c r="DI23" s="287"/>
      <c r="DJ23" s="287"/>
      <c r="DK23" s="287"/>
      <c r="DL23" s="287"/>
      <c r="DM23" s="287"/>
      <c r="DN23" s="287"/>
      <c r="DO23" s="287"/>
      <c r="DP23" s="287"/>
      <c r="DQ23" s="287"/>
      <c r="DR23" s="287"/>
      <c r="DS23" s="287"/>
      <c r="DT23" s="287"/>
      <c r="DU23" s="287"/>
      <c r="DV23" s="287"/>
      <c r="DW23" s="287"/>
      <c r="DX23" s="287"/>
      <c r="DY23" s="287"/>
      <c r="DZ23" s="287"/>
      <c r="EA23" s="287"/>
      <c r="EB23" s="287"/>
      <c r="EC23" s="194"/>
      <c r="ED23" s="194"/>
      <c r="EE23" s="194"/>
      <c r="EF23" s="194"/>
      <c r="EG23" s="194"/>
      <c r="EH23" s="194"/>
      <c r="EI23" s="194"/>
      <c r="EJ23" s="194"/>
      <c r="EK23" s="194"/>
      <c r="EL23" s="218"/>
      <c r="EM23" s="218"/>
      <c r="EN23" s="172"/>
      <c r="EO23" s="172"/>
    </row>
    <row r="24" spans="1:145" s="64" customFormat="1" ht="11.25" customHeight="1" thickTop="1" thickBot="1" x14ac:dyDescent="0.2">
      <c r="A24" s="262"/>
      <c r="B24" s="262"/>
      <c r="C24" s="262"/>
      <c r="D24" s="262"/>
      <c r="E24" s="262"/>
      <c r="F24" s="262"/>
      <c r="G24" s="262"/>
      <c r="H24" s="262"/>
      <c r="I24" s="262"/>
      <c r="J24" s="262"/>
      <c r="K24" s="262"/>
      <c r="L24" s="262"/>
      <c r="M24" s="262"/>
      <c r="N24" s="262"/>
      <c r="O24" s="262"/>
      <c r="P24" s="262"/>
      <c r="Q24" s="262"/>
      <c r="R24" s="262"/>
      <c r="S24" s="262"/>
      <c r="T24" s="262"/>
      <c r="U24" s="262"/>
      <c r="V24" s="262"/>
      <c r="W24" s="262"/>
      <c r="X24" s="262"/>
      <c r="Y24" s="262"/>
      <c r="Z24" s="262"/>
      <c r="AA24" s="262"/>
      <c r="AB24" s="262"/>
      <c r="AC24" s="262"/>
      <c r="AD24" s="262"/>
      <c r="AE24" s="262"/>
      <c r="AF24" s="262"/>
      <c r="AG24" s="262"/>
      <c r="AH24" s="262"/>
      <c r="AI24" s="262"/>
      <c r="AJ24" s="262"/>
      <c r="AK24" s="262"/>
      <c r="AL24" s="262"/>
      <c r="AM24" s="262"/>
      <c r="AN24" s="262"/>
      <c r="AO24" s="262"/>
      <c r="AP24" s="262"/>
      <c r="AQ24" s="262"/>
      <c r="AR24" s="262"/>
      <c r="AS24" s="262"/>
      <c r="AT24" s="262"/>
      <c r="AU24" s="262"/>
      <c r="AV24" s="259"/>
      <c r="AW24" s="259"/>
      <c r="AX24" s="259"/>
      <c r="AY24" s="259"/>
      <c r="AZ24" s="259"/>
      <c r="BA24" s="259"/>
      <c r="BB24" s="262"/>
      <c r="BC24" s="262"/>
      <c r="BD24" s="262"/>
      <c r="BE24" s="262"/>
      <c r="BF24" s="262"/>
      <c r="BG24" s="262"/>
      <c r="BH24" s="262"/>
      <c r="BI24" s="262"/>
      <c r="BJ24" s="262"/>
      <c r="BK24" s="262"/>
      <c r="BL24" s="262"/>
      <c r="BM24" s="262"/>
      <c r="BN24" s="262"/>
      <c r="BO24" s="262"/>
      <c r="BP24" s="262"/>
      <c r="BQ24" s="262"/>
      <c r="BR24" s="262"/>
      <c r="BS24" s="262"/>
      <c r="BT24" s="262"/>
      <c r="BU24" s="262"/>
      <c r="BV24" s="262"/>
      <c r="BW24" s="262"/>
      <c r="BX24" s="262"/>
      <c r="BY24" s="262"/>
      <c r="BZ24" s="262"/>
      <c r="CA24" s="262"/>
      <c r="CB24" s="262"/>
      <c r="CC24" s="263"/>
      <c r="CD24" s="263"/>
      <c r="CE24" s="263"/>
      <c r="CF24" s="263"/>
      <c r="CG24" s="263"/>
      <c r="CH24" s="263"/>
      <c r="CI24" s="263"/>
      <c r="CJ24" s="262"/>
      <c r="CK24" s="262"/>
      <c r="CL24" s="262"/>
      <c r="CM24" s="262"/>
      <c r="CN24" s="262"/>
      <c r="CO24" s="262"/>
      <c r="CP24" s="262"/>
      <c r="CQ24" s="262"/>
      <c r="CR24" s="262"/>
      <c r="CS24" s="262"/>
      <c r="CT24" s="262"/>
      <c r="CU24" s="262"/>
      <c r="CV24" s="262"/>
      <c r="CW24" s="262"/>
      <c r="CX24" s="262"/>
      <c r="CY24" s="262"/>
      <c r="CZ24" s="262"/>
      <c r="DA24" s="262"/>
      <c r="DB24" s="262"/>
    </row>
    <row r="25" spans="1:145" s="53" customFormat="1" ht="27.75" customHeight="1" thickTop="1" x14ac:dyDescent="0.2">
      <c r="A25" s="701" t="s">
        <v>290</v>
      </c>
      <c r="B25" s="702"/>
      <c r="C25" s="702"/>
      <c r="D25" s="702"/>
      <c r="E25" s="702"/>
      <c r="F25" s="702"/>
      <c r="G25" s="702"/>
      <c r="H25" s="702"/>
      <c r="I25" s="702"/>
      <c r="J25" s="680"/>
      <c r="K25" s="681"/>
      <c r="L25" s="681"/>
      <c r="M25" s="681"/>
      <c r="N25" s="681"/>
      <c r="O25" s="681"/>
      <c r="P25" s="681"/>
      <c r="Q25" s="681"/>
      <c r="R25" s="681"/>
      <c r="S25" s="681"/>
      <c r="T25" s="681"/>
      <c r="U25" s="681"/>
      <c r="V25" s="681"/>
      <c r="W25" s="681"/>
      <c r="X25" s="681"/>
      <c r="Y25" s="681"/>
      <c r="Z25" s="681"/>
      <c r="AA25" s="681"/>
      <c r="AB25" s="681"/>
      <c r="AC25" s="681"/>
      <c r="AD25" s="681"/>
      <c r="AE25" s="681"/>
      <c r="AF25" s="681"/>
      <c r="AG25" s="681"/>
      <c r="AH25" s="681"/>
      <c r="AI25" s="681"/>
      <c r="AJ25" s="681"/>
      <c r="AK25" s="681"/>
      <c r="AL25" s="681"/>
      <c r="AM25" s="681"/>
      <c r="AN25" s="681"/>
      <c r="AO25" s="681"/>
      <c r="AP25" s="681"/>
      <c r="AQ25" s="681"/>
      <c r="AR25" s="681"/>
      <c r="AS25" s="681"/>
      <c r="AT25" s="681"/>
      <c r="AU25" s="681"/>
      <c r="AV25" s="681"/>
      <c r="AW25" s="681"/>
      <c r="AX25" s="682"/>
      <c r="AY25" s="716" t="s">
        <v>233</v>
      </c>
      <c r="AZ25" s="717"/>
      <c r="BA25" s="717"/>
      <c r="BB25" s="722"/>
      <c r="BC25" s="723"/>
      <c r="BD25" s="777" t="s">
        <v>181</v>
      </c>
      <c r="BE25" s="778"/>
      <c r="BF25" s="778"/>
      <c r="BG25" s="778"/>
      <c r="BH25" s="778"/>
      <c r="BI25" s="778"/>
      <c r="BJ25" s="778"/>
      <c r="BK25" s="778"/>
      <c r="BL25" s="778"/>
      <c r="BM25" s="778"/>
      <c r="BN25" s="778"/>
      <c r="BO25" s="778"/>
      <c r="BP25" s="778"/>
      <c r="BQ25" s="778"/>
      <c r="BR25" s="692" t="s">
        <v>105</v>
      </c>
      <c r="BS25" s="693"/>
      <c r="BT25" s="693"/>
      <c r="BU25" s="693"/>
      <c r="BV25" s="693"/>
      <c r="BW25" s="693"/>
      <c r="BX25" s="693"/>
      <c r="BY25" s="693"/>
      <c r="BZ25" s="693"/>
      <c r="CA25" s="693"/>
      <c r="CB25" s="693"/>
      <c r="CC25" s="693"/>
      <c r="CD25" s="693"/>
      <c r="CE25" s="693"/>
      <c r="CF25" s="693"/>
      <c r="CG25" s="693"/>
      <c r="CH25" s="694"/>
      <c r="CI25" s="712" t="s">
        <v>170</v>
      </c>
      <c r="CJ25" s="712"/>
      <c r="CK25" s="712"/>
      <c r="CL25" s="712"/>
      <c r="CM25" s="712"/>
      <c r="CN25" s="712"/>
      <c r="CO25" s="712"/>
      <c r="CP25" s="712"/>
      <c r="CQ25" s="712"/>
      <c r="CR25" s="712"/>
      <c r="CS25" s="712"/>
      <c r="CT25" s="712"/>
      <c r="CU25" s="712"/>
      <c r="CV25" s="712"/>
      <c r="CW25" s="712"/>
      <c r="CX25" s="712"/>
      <c r="CY25" s="712"/>
      <c r="CZ25" s="712"/>
      <c r="DA25" s="712"/>
      <c r="DB25" s="713"/>
      <c r="DC25" s="294"/>
      <c r="DD25" s="294"/>
      <c r="DE25" s="294"/>
      <c r="DF25" s="294"/>
      <c r="DG25" s="294"/>
      <c r="DH25" s="294"/>
      <c r="DI25" s="294"/>
      <c r="DJ25" s="294"/>
      <c r="DK25" s="294"/>
      <c r="DL25" s="218"/>
      <c r="DM25" s="218"/>
      <c r="DN25" s="218"/>
      <c r="DO25" s="218"/>
    </row>
    <row r="26" spans="1:145" s="2" customFormat="1" ht="25.95" customHeight="1" x14ac:dyDescent="0.2">
      <c r="A26" s="783" t="s">
        <v>237</v>
      </c>
      <c r="B26" s="784"/>
      <c r="C26" s="784"/>
      <c r="D26" s="784"/>
      <c r="E26" s="784"/>
      <c r="F26" s="784"/>
      <c r="G26" s="784"/>
      <c r="H26" s="784"/>
      <c r="I26" s="785"/>
      <c r="J26" s="851"/>
      <c r="K26" s="852"/>
      <c r="L26" s="852"/>
      <c r="M26" s="852"/>
      <c r="N26" s="852"/>
      <c r="O26" s="852"/>
      <c r="P26" s="852"/>
      <c r="Q26" s="852"/>
      <c r="R26" s="852"/>
      <c r="S26" s="852"/>
      <c r="T26" s="852"/>
      <c r="U26" s="852"/>
      <c r="V26" s="852"/>
      <c r="W26" s="852"/>
      <c r="X26" s="852"/>
      <c r="Y26" s="852"/>
      <c r="Z26" s="852"/>
      <c r="AA26" s="852"/>
      <c r="AB26" s="852"/>
      <c r="AC26" s="852"/>
      <c r="AD26" s="852"/>
      <c r="AE26" s="852"/>
      <c r="AF26" s="852"/>
      <c r="AG26" s="852"/>
      <c r="AH26" s="852"/>
      <c r="AI26" s="852"/>
      <c r="AJ26" s="852"/>
      <c r="AK26" s="852"/>
      <c r="AL26" s="852"/>
      <c r="AM26" s="852"/>
      <c r="AN26" s="852"/>
      <c r="AO26" s="852"/>
      <c r="AP26" s="852"/>
      <c r="AQ26" s="852"/>
      <c r="AR26" s="852"/>
      <c r="AS26" s="852"/>
      <c r="AT26" s="852"/>
      <c r="AU26" s="852"/>
      <c r="AV26" s="852"/>
      <c r="AW26" s="852"/>
      <c r="AX26" s="853"/>
      <c r="AY26" s="718"/>
      <c r="AZ26" s="719"/>
      <c r="BA26" s="719"/>
      <c r="BB26" s="764">
        <v>1</v>
      </c>
      <c r="BC26" s="765"/>
      <c r="BD26" s="822"/>
      <c r="BE26" s="823"/>
      <c r="BF26" s="823"/>
      <c r="BG26" s="823"/>
      <c r="BH26" s="823"/>
      <c r="BI26" s="823"/>
      <c r="BJ26" s="823"/>
      <c r="BK26" s="823"/>
      <c r="BL26" s="823"/>
      <c r="BM26" s="823"/>
      <c r="BN26" s="823"/>
      <c r="BO26" s="823"/>
      <c r="BP26" s="823"/>
      <c r="BQ26" s="824"/>
      <c r="BR26" s="800"/>
      <c r="BS26" s="796"/>
      <c r="BT26" s="796"/>
      <c r="BU26" s="796"/>
      <c r="BV26" s="795" t="s">
        <v>279</v>
      </c>
      <c r="BW26" s="795"/>
      <c r="BX26" s="796"/>
      <c r="BY26" s="796"/>
      <c r="BZ26" s="795" t="s">
        <v>280</v>
      </c>
      <c r="CA26" s="795"/>
      <c r="CB26" s="796"/>
      <c r="CC26" s="796"/>
      <c r="CD26" s="795" t="s">
        <v>282</v>
      </c>
      <c r="CE26" s="795"/>
      <c r="CF26" s="795"/>
      <c r="CG26" s="795"/>
      <c r="CH26" s="797"/>
      <c r="CI26" s="800"/>
      <c r="CJ26" s="796"/>
      <c r="CK26" s="796"/>
      <c r="CL26" s="796"/>
      <c r="CM26" s="796"/>
      <c r="CN26" s="796"/>
      <c r="CO26" s="796"/>
      <c r="CP26" s="796"/>
      <c r="CQ26" s="796"/>
      <c r="CR26" s="796"/>
      <c r="CS26" s="796"/>
      <c r="CT26" s="796"/>
      <c r="CU26" s="796"/>
      <c r="CV26" s="796"/>
      <c r="CW26" s="796"/>
      <c r="CX26" s="796"/>
      <c r="CY26" s="796"/>
      <c r="CZ26" s="796"/>
      <c r="DA26" s="796"/>
      <c r="DB26" s="807"/>
      <c r="DC26" s="287"/>
      <c r="DD26" s="287"/>
      <c r="DE26" s="287"/>
      <c r="DF26" s="287"/>
      <c r="DG26" s="287"/>
      <c r="DH26" s="287"/>
      <c r="DI26" s="287"/>
      <c r="DJ26" s="287"/>
      <c r="DK26" s="287"/>
      <c r="DL26" s="287"/>
      <c r="DM26" s="287"/>
      <c r="DN26" s="287"/>
      <c r="DO26" s="287"/>
      <c r="DP26" s="287"/>
      <c r="DQ26" s="287"/>
      <c r="DR26" s="287"/>
      <c r="DS26" s="287"/>
      <c r="DT26" s="287"/>
      <c r="DU26" s="287"/>
      <c r="DV26" s="287"/>
      <c r="DW26" s="287"/>
      <c r="DX26" s="287"/>
      <c r="DY26" s="287"/>
      <c r="DZ26" s="287"/>
      <c r="EA26" s="287"/>
      <c r="EB26" s="287"/>
      <c r="EC26" s="294"/>
      <c r="ED26" s="294"/>
      <c r="EE26" s="294"/>
      <c r="EF26" s="294"/>
      <c r="EG26" s="294"/>
      <c r="EH26" s="294"/>
      <c r="EI26" s="294"/>
      <c r="EJ26" s="294"/>
      <c r="EK26" s="294"/>
      <c r="EL26" s="218"/>
      <c r="EM26" s="218"/>
      <c r="EN26" s="175"/>
      <c r="EO26" s="175"/>
    </row>
    <row r="27" spans="1:145" s="2" customFormat="1" ht="25.95" customHeight="1" thickBot="1" x14ac:dyDescent="0.25">
      <c r="A27" s="786"/>
      <c r="B27" s="787"/>
      <c r="C27" s="787"/>
      <c r="D27" s="787"/>
      <c r="E27" s="787"/>
      <c r="F27" s="787"/>
      <c r="G27" s="787"/>
      <c r="H27" s="787"/>
      <c r="I27" s="788"/>
      <c r="J27" s="854"/>
      <c r="K27" s="810"/>
      <c r="L27" s="810"/>
      <c r="M27" s="810"/>
      <c r="N27" s="810"/>
      <c r="O27" s="810"/>
      <c r="P27" s="810"/>
      <c r="Q27" s="810"/>
      <c r="R27" s="810"/>
      <c r="S27" s="810"/>
      <c r="T27" s="810"/>
      <c r="U27" s="810"/>
      <c r="V27" s="810"/>
      <c r="W27" s="810"/>
      <c r="X27" s="810"/>
      <c r="Y27" s="810"/>
      <c r="Z27" s="810"/>
      <c r="AA27" s="810"/>
      <c r="AB27" s="810"/>
      <c r="AC27" s="810"/>
      <c r="AD27" s="810"/>
      <c r="AE27" s="810"/>
      <c r="AF27" s="810"/>
      <c r="AG27" s="810"/>
      <c r="AH27" s="810"/>
      <c r="AI27" s="810"/>
      <c r="AJ27" s="810"/>
      <c r="AK27" s="810"/>
      <c r="AL27" s="810"/>
      <c r="AM27" s="810"/>
      <c r="AN27" s="810"/>
      <c r="AO27" s="810"/>
      <c r="AP27" s="810"/>
      <c r="AQ27" s="810"/>
      <c r="AR27" s="810"/>
      <c r="AS27" s="810"/>
      <c r="AT27" s="810"/>
      <c r="AU27" s="810"/>
      <c r="AV27" s="810"/>
      <c r="AW27" s="810"/>
      <c r="AX27" s="855"/>
      <c r="AY27" s="718"/>
      <c r="AZ27" s="719"/>
      <c r="BA27" s="719"/>
      <c r="BB27" s="766"/>
      <c r="BC27" s="767"/>
      <c r="BD27" s="825"/>
      <c r="BE27" s="826"/>
      <c r="BF27" s="826"/>
      <c r="BG27" s="826"/>
      <c r="BH27" s="826"/>
      <c r="BI27" s="826"/>
      <c r="BJ27" s="826"/>
      <c r="BK27" s="826"/>
      <c r="BL27" s="826"/>
      <c r="BM27" s="826"/>
      <c r="BN27" s="826"/>
      <c r="BO27" s="826"/>
      <c r="BP27" s="826"/>
      <c r="BQ27" s="827"/>
      <c r="BR27" s="862"/>
      <c r="BS27" s="863"/>
      <c r="BT27" s="863"/>
      <c r="BU27" s="863"/>
      <c r="BV27" s="860" t="s">
        <v>279</v>
      </c>
      <c r="BW27" s="860"/>
      <c r="BX27" s="863"/>
      <c r="BY27" s="863"/>
      <c r="BZ27" s="860" t="s">
        <v>280</v>
      </c>
      <c r="CA27" s="860"/>
      <c r="CB27" s="863"/>
      <c r="CC27" s="863"/>
      <c r="CD27" s="860" t="s">
        <v>281</v>
      </c>
      <c r="CE27" s="860"/>
      <c r="CF27" s="860"/>
      <c r="CG27" s="860"/>
      <c r="CH27" s="861"/>
      <c r="CI27" s="774"/>
      <c r="CJ27" s="775"/>
      <c r="CK27" s="775"/>
      <c r="CL27" s="775"/>
      <c r="CM27" s="775"/>
      <c r="CN27" s="775"/>
      <c r="CO27" s="775"/>
      <c r="CP27" s="775"/>
      <c r="CQ27" s="775"/>
      <c r="CR27" s="775"/>
      <c r="CS27" s="775"/>
      <c r="CT27" s="775"/>
      <c r="CU27" s="775"/>
      <c r="CV27" s="775"/>
      <c r="CW27" s="775"/>
      <c r="CX27" s="775"/>
      <c r="CY27" s="775"/>
      <c r="CZ27" s="775"/>
      <c r="DA27" s="775"/>
      <c r="DB27" s="808"/>
      <c r="DC27" s="287"/>
      <c r="DD27" s="287"/>
      <c r="DE27" s="287"/>
      <c r="DF27" s="287"/>
      <c r="DG27" s="287"/>
      <c r="DH27" s="287"/>
      <c r="DI27" s="287"/>
      <c r="DJ27" s="287"/>
      <c r="DK27" s="287"/>
      <c r="DL27" s="287"/>
      <c r="DM27" s="287"/>
      <c r="DN27" s="287"/>
      <c r="DO27" s="287"/>
      <c r="DP27" s="287"/>
      <c r="DQ27" s="287"/>
      <c r="DR27" s="287"/>
      <c r="DS27" s="287"/>
      <c r="DT27" s="287"/>
      <c r="DU27" s="287"/>
      <c r="DV27" s="287"/>
      <c r="DW27" s="287"/>
      <c r="DX27" s="287"/>
      <c r="DY27" s="287"/>
      <c r="DZ27" s="287"/>
      <c r="EA27" s="287"/>
      <c r="EB27" s="287"/>
      <c r="EC27" s="294"/>
      <c r="ED27" s="294"/>
      <c r="EE27" s="294"/>
      <c r="EF27" s="294"/>
      <c r="EG27" s="294"/>
      <c r="EH27" s="294"/>
      <c r="EI27" s="294"/>
      <c r="EJ27" s="294"/>
      <c r="EK27" s="294"/>
      <c r="EL27" s="218"/>
      <c r="EM27" s="218"/>
      <c r="EN27" s="175"/>
      <c r="EO27" s="175"/>
    </row>
    <row r="28" spans="1:145" s="2" customFormat="1" ht="25.95" customHeight="1" x14ac:dyDescent="0.2">
      <c r="A28" s="747" t="s">
        <v>246</v>
      </c>
      <c r="B28" s="748"/>
      <c r="C28" s="748"/>
      <c r="D28" s="748"/>
      <c r="E28" s="748"/>
      <c r="F28" s="748"/>
      <c r="G28" s="748"/>
      <c r="H28" s="748"/>
      <c r="I28" s="816"/>
      <c r="J28" s="813"/>
      <c r="K28" s="811"/>
      <c r="L28" s="811"/>
      <c r="M28" s="809"/>
      <c r="N28" s="809"/>
      <c r="O28" s="809"/>
      <c r="P28" s="809"/>
      <c r="Q28" s="809"/>
      <c r="R28" s="809"/>
      <c r="S28" s="811" t="s">
        <v>279</v>
      </c>
      <c r="T28" s="811"/>
      <c r="U28" s="809"/>
      <c r="V28" s="809"/>
      <c r="W28" s="809"/>
      <c r="X28" s="811" t="s">
        <v>280</v>
      </c>
      <c r="Y28" s="811"/>
      <c r="Z28" s="809"/>
      <c r="AA28" s="809"/>
      <c r="AB28" s="809"/>
      <c r="AC28" s="811" t="s">
        <v>288</v>
      </c>
      <c r="AD28" s="811"/>
      <c r="AE28" s="811"/>
      <c r="AF28" s="811"/>
      <c r="AG28" s="815" t="s">
        <v>14</v>
      </c>
      <c r="AH28" s="748"/>
      <c r="AI28" s="748"/>
      <c r="AJ28" s="748"/>
      <c r="AK28" s="748"/>
      <c r="AL28" s="748"/>
      <c r="AM28" s="816"/>
      <c r="AN28" s="809"/>
      <c r="AO28" s="809"/>
      <c r="AP28" s="809"/>
      <c r="AQ28" s="809"/>
      <c r="AR28" s="809"/>
      <c r="AS28" s="809"/>
      <c r="AT28" s="809"/>
      <c r="AU28" s="809"/>
      <c r="AV28" s="809"/>
      <c r="AW28" s="809"/>
      <c r="AX28" s="856"/>
      <c r="AY28" s="718"/>
      <c r="AZ28" s="719"/>
      <c r="BA28" s="719"/>
      <c r="BB28" s="764">
        <v>2</v>
      </c>
      <c r="BC28" s="765"/>
      <c r="BD28" s="822"/>
      <c r="BE28" s="823"/>
      <c r="BF28" s="823"/>
      <c r="BG28" s="823"/>
      <c r="BH28" s="823"/>
      <c r="BI28" s="823"/>
      <c r="BJ28" s="823"/>
      <c r="BK28" s="823"/>
      <c r="BL28" s="823"/>
      <c r="BM28" s="823"/>
      <c r="BN28" s="823"/>
      <c r="BO28" s="823"/>
      <c r="BP28" s="823"/>
      <c r="BQ28" s="824"/>
      <c r="BR28" s="862"/>
      <c r="BS28" s="863"/>
      <c r="BT28" s="863"/>
      <c r="BU28" s="863"/>
      <c r="BV28" s="860" t="s">
        <v>279</v>
      </c>
      <c r="BW28" s="860"/>
      <c r="BX28" s="863"/>
      <c r="BY28" s="863"/>
      <c r="BZ28" s="860" t="s">
        <v>280</v>
      </c>
      <c r="CA28" s="860"/>
      <c r="CB28" s="863"/>
      <c r="CC28" s="863"/>
      <c r="CD28" s="860" t="s">
        <v>282</v>
      </c>
      <c r="CE28" s="860"/>
      <c r="CF28" s="860"/>
      <c r="CG28" s="860"/>
      <c r="CH28" s="861"/>
      <c r="CI28" s="800"/>
      <c r="CJ28" s="796"/>
      <c r="CK28" s="796"/>
      <c r="CL28" s="796"/>
      <c r="CM28" s="796"/>
      <c r="CN28" s="796"/>
      <c r="CO28" s="796"/>
      <c r="CP28" s="796"/>
      <c r="CQ28" s="796"/>
      <c r="CR28" s="796"/>
      <c r="CS28" s="796"/>
      <c r="CT28" s="796"/>
      <c r="CU28" s="796"/>
      <c r="CV28" s="796"/>
      <c r="CW28" s="796"/>
      <c r="CX28" s="796"/>
      <c r="CY28" s="796"/>
      <c r="CZ28" s="796"/>
      <c r="DA28" s="796"/>
      <c r="DB28" s="807"/>
      <c r="DC28" s="287"/>
      <c r="DD28" s="287"/>
      <c r="DE28" s="287"/>
      <c r="DF28" s="287"/>
      <c r="DG28" s="287"/>
      <c r="DH28" s="287"/>
      <c r="DI28" s="287"/>
      <c r="DJ28" s="287"/>
      <c r="DK28" s="287"/>
      <c r="DL28" s="287"/>
      <c r="DM28" s="287"/>
      <c r="DN28" s="287"/>
      <c r="DO28" s="287"/>
      <c r="DP28" s="287"/>
      <c r="DQ28" s="287"/>
      <c r="DR28" s="287"/>
      <c r="DS28" s="287"/>
      <c r="DT28" s="287"/>
      <c r="DU28" s="287"/>
      <c r="DV28" s="287"/>
      <c r="DW28" s="287"/>
      <c r="DX28" s="287"/>
      <c r="DY28" s="287"/>
      <c r="DZ28" s="287"/>
      <c r="EA28" s="287"/>
      <c r="EB28" s="287"/>
      <c r="EC28" s="294"/>
      <c r="ED28" s="294"/>
      <c r="EE28" s="294"/>
      <c r="EF28" s="294"/>
      <c r="EG28" s="294"/>
      <c r="EH28" s="294"/>
      <c r="EI28" s="294"/>
      <c r="EJ28" s="294"/>
      <c r="EK28" s="294"/>
      <c r="EL28" s="218"/>
      <c r="EM28" s="218"/>
      <c r="EN28" s="175"/>
      <c r="EO28" s="175"/>
    </row>
    <row r="29" spans="1:145" s="64" customFormat="1" ht="25.95" customHeight="1" thickBot="1" x14ac:dyDescent="0.25">
      <c r="A29" s="786"/>
      <c r="B29" s="787"/>
      <c r="C29" s="787"/>
      <c r="D29" s="787"/>
      <c r="E29" s="787"/>
      <c r="F29" s="787"/>
      <c r="G29" s="787"/>
      <c r="H29" s="787"/>
      <c r="I29" s="788"/>
      <c r="J29" s="814"/>
      <c r="K29" s="812"/>
      <c r="L29" s="812"/>
      <c r="M29" s="810"/>
      <c r="N29" s="810"/>
      <c r="O29" s="810"/>
      <c r="P29" s="810"/>
      <c r="Q29" s="810"/>
      <c r="R29" s="810"/>
      <c r="S29" s="812"/>
      <c r="T29" s="812"/>
      <c r="U29" s="810"/>
      <c r="V29" s="810"/>
      <c r="W29" s="810"/>
      <c r="X29" s="812"/>
      <c r="Y29" s="812"/>
      <c r="Z29" s="810"/>
      <c r="AA29" s="810"/>
      <c r="AB29" s="810"/>
      <c r="AC29" s="812"/>
      <c r="AD29" s="812"/>
      <c r="AE29" s="812"/>
      <c r="AF29" s="812"/>
      <c r="AG29" s="817"/>
      <c r="AH29" s="787"/>
      <c r="AI29" s="787"/>
      <c r="AJ29" s="787"/>
      <c r="AK29" s="787"/>
      <c r="AL29" s="787"/>
      <c r="AM29" s="788"/>
      <c r="AN29" s="810"/>
      <c r="AO29" s="810"/>
      <c r="AP29" s="810"/>
      <c r="AQ29" s="810"/>
      <c r="AR29" s="810"/>
      <c r="AS29" s="810"/>
      <c r="AT29" s="810"/>
      <c r="AU29" s="810"/>
      <c r="AV29" s="810"/>
      <c r="AW29" s="810"/>
      <c r="AX29" s="855"/>
      <c r="AY29" s="718"/>
      <c r="AZ29" s="719"/>
      <c r="BA29" s="719"/>
      <c r="BB29" s="766"/>
      <c r="BC29" s="767"/>
      <c r="BD29" s="825"/>
      <c r="BE29" s="826"/>
      <c r="BF29" s="826"/>
      <c r="BG29" s="826"/>
      <c r="BH29" s="826"/>
      <c r="BI29" s="826"/>
      <c r="BJ29" s="826"/>
      <c r="BK29" s="826"/>
      <c r="BL29" s="826"/>
      <c r="BM29" s="826"/>
      <c r="BN29" s="826"/>
      <c r="BO29" s="826"/>
      <c r="BP29" s="826"/>
      <c r="BQ29" s="827"/>
      <c r="BR29" s="862"/>
      <c r="BS29" s="863"/>
      <c r="BT29" s="863"/>
      <c r="BU29" s="863"/>
      <c r="BV29" s="860" t="s">
        <v>279</v>
      </c>
      <c r="BW29" s="860"/>
      <c r="BX29" s="863"/>
      <c r="BY29" s="863"/>
      <c r="BZ29" s="860" t="s">
        <v>280</v>
      </c>
      <c r="CA29" s="860"/>
      <c r="CB29" s="863"/>
      <c r="CC29" s="863"/>
      <c r="CD29" s="860" t="s">
        <v>281</v>
      </c>
      <c r="CE29" s="860"/>
      <c r="CF29" s="860"/>
      <c r="CG29" s="860"/>
      <c r="CH29" s="861"/>
      <c r="CI29" s="774"/>
      <c r="CJ29" s="775"/>
      <c r="CK29" s="775"/>
      <c r="CL29" s="775"/>
      <c r="CM29" s="775"/>
      <c r="CN29" s="775"/>
      <c r="CO29" s="775"/>
      <c r="CP29" s="775"/>
      <c r="CQ29" s="775"/>
      <c r="CR29" s="775"/>
      <c r="CS29" s="775"/>
      <c r="CT29" s="775"/>
      <c r="CU29" s="775"/>
      <c r="CV29" s="775"/>
      <c r="CW29" s="775"/>
      <c r="CX29" s="775"/>
      <c r="CY29" s="775"/>
      <c r="CZ29" s="775"/>
      <c r="DA29" s="775"/>
      <c r="DB29" s="808"/>
      <c r="DC29" s="287"/>
      <c r="DD29" s="287"/>
      <c r="DE29" s="287"/>
      <c r="DF29" s="287"/>
      <c r="DG29" s="287"/>
      <c r="DH29" s="287"/>
      <c r="DI29" s="287"/>
      <c r="DJ29" s="287"/>
      <c r="DK29" s="287"/>
      <c r="DL29" s="287"/>
      <c r="DM29" s="287"/>
      <c r="DN29" s="287"/>
      <c r="DO29" s="287"/>
      <c r="DP29" s="287"/>
      <c r="DQ29" s="287"/>
      <c r="DR29" s="287"/>
      <c r="DS29" s="287"/>
      <c r="DT29" s="287"/>
      <c r="DU29" s="287"/>
      <c r="DV29" s="287"/>
      <c r="DW29" s="287"/>
      <c r="DX29" s="287"/>
      <c r="DY29" s="287"/>
      <c r="DZ29" s="287"/>
      <c r="EA29" s="287"/>
      <c r="EB29" s="287"/>
      <c r="EC29" s="258"/>
      <c r="ED29" s="258"/>
      <c r="EE29" s="258"/>
      <c r="EF29" s="258"/>
      <c r="EG29" s="258"/>
      <c r="EH29" s="258"/>
      <c r="EI29" s="258"/>
      <c r="EJ29" s="258"/>
      <c r="EK29" s="258"/>
      <c r="EL29" s="218"/>
      <c r="EM29" s="218"/>
      <c r="EN29" s="172"/>
      <c r="EO29" s="172"/>
    </row>
    <row r="30" spans="1:145" s="64" customFormat="1" ht="25.95" customHeight="1" x14ac:dyDescent="0.2">
      <c r="A30" s="747" t="s">
        <v>105</v>
      </c>
      <c r="B30" s="748"/>
      <c r="C30" s="748"/>
      <c r="D30" s="748"/>
      <c r="E30" s="748"/>
      <c r="F30" s="748"/>
      <c r="G30" s="748"/>
      <c r="H30" s="748"/>
      <c r="I30" s="748"/>
      <c r="J30" s="748"/>
      <c r="K30" s="748"/>
      <c r="L30" s="748"/>
      <c r="M30" s="748"/>
      <c r="N30" s="748"/>
      <c r="O30" s="873"/>
      <c r="P30" s="809"/>
      <c r="Q30" s="809"/>
      <c r="R30" s="809"/>
      <c r="S30" s="809"/>
      <c r="T30" s="846" t="s">
        <v>279</v>
      </c>
      <c r="U30" s="846"/>
      <c r="V30" s="809"/>
      <c r="W30" s="809"/>
      <c r="X30" s="846" t="s">
        <v>280</v>
      </c>
      <c r="Y30" s="846"/>
      <c r="Z30" s="809"/>
      <c r="AA30" s="809"/>
      <c r="AB30" s="846" t="s">
        <v>282</v>
      </c>
      <c r="AC30" s="846"/>
      <c r="AD30" s="846"/>
      <c r="AE30" s="846"/>
      <c r="AF30" s="809"/>
      <c r="AG30" s="809"/>
      <c r="AH30" s="809"/>
      <c r="AI30" s="809"/>
      <c r="AJ30" s="809"/>
      <c r="AK30" s="846" t="s">
        <v>274</v>
      </c>
      <c r="AL30" s="846"/>
      <c r="AM30" s="809"/>
      <c r="AN30" s="809"/>
      <c r="AO30" s="846" t="s">
        <v>278</v>
      </c>
      <c r="AP30" s="846"/>
      <c r="AQ30" s="809"/>
      <c r="AR30" s="809"/>
      <c r="AS30" s="846" t="s">
        <v>277</v>
      </c>
      <c r="AT30" s="846"/>
      <c r="AU30" s="846"/>
      <c r="AV30" s="846"/>
      <c r="AW30" s="846"/>
      <c r="AX30" s="881"/>
      <c r="AY30" s="718"/>
      <c r="AZ30" s="719"/>
      <c r="BA30" s="719"/>
      <c r="BB30" s="764">
        <v>3</v>
      </c>
      <c r="BC30" s="765"/>
      <c r="BD30" s="822"/>
      <c r="BE30" s="823"/>
      <c r="BF30" s="823"/>
      <c r="BG30" s="823"/>
      <c r="BH30" s="823"/>
      <c r="BI30" s="823"/>
      <c r="BJ30" s="823"/>
      <c r="BK30" s="823"/>
      <c r="BL30" s="823"/>
      <c r="BM30" s="823"/>
      <c r="BN30" s="823"/>
      <c r="BO30" s="823"/>
      <c r="BP30" s="823"/>
      <c r="BQ30" s="824"/>
      <c r="BR30" s="862"/>
      <c r="BS30" s="863"/>
      <c r="BT30" s="863"/>
      <c r="BU30" s="863"/>
      <c r="BV30" s="860" t="s">
        <v>279</v>
      </c>
      <c r="BW30" s="860"/>
      <c r="BX30" s="863"/>
      <c r="BY30" s="863"/>
      <c r="BZ30" s="860" t="s">
        <v>280</v>
      </c>
      <c r="CA30" s="860"/>
      <c r="CB30" s="863"/>
      <c r="CC30" s="863"/>
      <c r="CD30" s="860" t="s">
        <v>282</v>
      </c>
      <c r="CE30" s="860"/>
      <c r="CF30" s="860"/>
      <c r="CG30" s="860"/>
      <c r="CH30" s="861"/>
      <c r="CI30" s="800"/>
      <c r="CJ30" s="796"/>
      <c r="CK30" s="796"/>
      <c r="CL30" s="796"/>
      <c r="CM30" s="796"/>
      <c r="CN30" s="796"/>
      <c r="CO30" s="796"/>
      <c r="CP30" s="796"/>
      <c r="CQ30" s="796"/>
      <c r="CR30" s="796"/>
      <c r="CS30" s="796"/>
      <c r="CT30" s="796"/>
      <c r="CU30" s="796"/>
      <c r="CV30" s="796"/>
      <c r="CW30" s="796"/>
      <c r="CX30" s="796"/>
      <c r="CY30" s="796"/>
      <c r="CZ30" s="796"/>
      <c r="DA30" s="796"/>
      <c r="DB30" s="807"/>
      <c r="DC30" s="287"/>
      <c r="DD30" s="287"/>
      <c r="DE30" s="287"/>
      <c r="DF30" s="287"/>
      <c r="DG30" s="287"/>
      <c r="DH30" s="287"/>
      <c r="DI30" s="287"/>
      <c r="DJ30" s="287"/>
      <c r="DK30" s="287"/>
      <c r="DL30" s="287"/>
      <c r="DM30" s="287"/>
      <c r="DN30" s="287"/>
      <c r="DO30" s="287"/>
      <c r="DP30" s="287"/>
      <c r="DQ30" s="287"/>
      <c r="DR30" s="287"/>
      <c r="DS30" s="287"/>
      <c r="DT30" s="287"/>
      <c r="DU30" s="287"/>
      <c r="DV30" s="287"/>
      <c r="DW30" s="287"/>
      <c r="DX30" s="287"/>
      <c r="DY30" s="287"/>
      <c r="DZ30" s="287"/>
      <c r="EA30" s="287"/>
      <c r="EB30" s="287"/>
      <c r="EC30" s="258"/>
      <c r="ED30" s="258"/>
      <c r="EE30" s="258"/>
      <c r="EF30" s="258"/>
      <c r="EG30" s="258"/>
      <c r="EH30" s="258"/>
      <c r="EI30" s="258"/>
      <c r="EJ30" s="258"/>
      <c r="EK30" s="258"/>
      <c r="EL30" s="218"/>
      <c r="EM30" s="218"/>
      <c r="EN30" s="172"/>
      <c r="EO30" s="172"/>
    </row>
    <row r="31" spans="1:145" s="103" customFormat="1" ht="25.95" customHeight="1" thickBot="1" x14ac:dyDescent="0.25">
      <c r="A31" s="749"/>
      <c r="B31" s="750"/>
      <c r="C31" s="750"/>
      <c r="D31" s="750"/>
      <c r="E31" s="750"/>
      <c r="F31" s="750"/>
      <c r="G31" s="750"/>
      <c r="H31" s="750"/>
      <c r="I31" s="750"/>
      <c r="J31" s="750"/>
      <c r="K31" s="750"/>
      <c r="L31" s="750"/>
      <c r="M31" s="750"/>
      <c r="N31" s="750"/>
      <c r="O31" s="874"/>
      <c r="P31" s="850"/>
      <c r="Q31" s="850"/>
      <c r="R31" s="850"/>
      <c r="S31" s="850"/>
      <c r="T31" s="847"/>
      <c r="U31" s="847"/>
      <c r="V31" s="850"/>
      <c r="W31" s="850"/>
      <c r="X31" s="847"/>
      <c r="Y31" s="847"/>
      <c r="Z31" s="850"/>
      <c r="AA31" s="850"/>
      <c r="AB31" s="847"/>
      <c r="AC31" s="847"/>
      <c r="AD31" s="847"/>
      <c r="AE31" s="847"/>
      <c r="AF31" s="850"/>
      <c r="AG31" s="850"/>
      <c r="AH31" s="850"/>
      <c r="AI31" s="850"/>
      <c r="AJ31" s="850"/>
      <c r="AK31" s="847"/>
      <c r="AL31" s="847"/>
      <c r="AM31" s="850"/>
      <c r="AN31" s="850"/>
      <c r="AO31" s="847"/>
      <c r="AP31" s="847"/>
      <c r="AQ31" s="850"/>
      <c r="AR31" s="850"/>
      <c r="AS31" s="847"/>
      <c r="AT31" s="847"/>
      <c r="AU31" s="847"/>
      <c r="AV31" s="847"/>
      <c r="AW31" s="847"/>
      <c r="AX31" s="882"/>
      <c r="AY31" s="720"/>
      <c r="AZ31" s="721"/>
      <c r="BA31" s="721"/>
      <c r="BB31" s="869"/>
      <c r="BC31" s="870"/>
      <c r="BD31" s="865"/>
      <c r="BE31" s="866"/>
      <c r="BF31" s="866"/>
      <c r="BG31" s="866"/>
      <c r="BH31" s="866"/>
      <c r="BI31" s="866"/>
      <c r="BJ31" s="866"/>
      <c r="BK31" s="866"/>
      <c r="BL31" s="866"/>
      <c r="BM31" s="866"/>
      <c r="BN31" s="866"/>
      <c r="BO31" s="866"/>
      <c r="BP31" s="866"/>
      <c r="BQ31" s="867"/>
      <c r="BR31" s="857"/>
      <c r="BS31" s="858"/>
      <c r="BT31" s="858"/>
      <c r="BU31" s="858"/>
      <c r="BV31" s="864" t="s">
        <v>279</v>
      </c>
      <c r="BW31" s="864"/>
      <c r="BX31" s="858"/>
      <c r="BY31" s="858"/>
      <c r="BZ31" s="864" t="s">
        <v>280</v>
      </c>
      <c r="CA31" s="864"/>
      <c r="CB31" s="858"/>
      <c r="CC31" s="858"/>
      <c r="CD31" s="864" t="s">
        <v>281</v>
      </c>
      <c r="CE31" s="864"/>
      <c r="CF31" s="864"/>
      <c r="CG31" s="864"/>
      <c r="CH31" s="868"/>
      <c r="CI31" s="857"/>
      <c r="CJ31" s="858"/>
      <c r="CK31" s="858"/>
      <c r="CL31" s="858"/>
      <c r="CM31" s="858"/>
      <c r="CN31" s="858"/>
      <c r="CO31" s="858"/>
      <c r="CP31" s="858"/>
      <c r="CQ31" s="858"/>
      <c r="CR31" s="858"/>
      <c r="CS31" s="858"/>
      <c r="CT31" s="858"/>
      <c r="CU31" s="858"/>
      <c r="CV31" s="858"/>
      <c r="CW31" s="858"/>
      <c r="CX31" s="858"/>
      <c r="CY31" s="858"/>
      <c r="CZ31" s="858"/>
      <c r="DA31" s="858"/>
      <c r="DB31" s="859"/>
      <c r="DC31" s="287"/>
      <c r="DD31" s="287"/>
      <c r="DE31" s="287"/>
      <c r="DF31" s="287"/>
      <c r="DG31" s="287"/>
      <c r="DH31" s="287"/>
      <c r="DI31" s="287"/>
      <c r="DJ31" s="287"/>
      <c r="DK31" s="287"/>
      <c r="DL31" s="287"/>
      <c r="DM31" s="287"/>
      <c r="DN31" s="287"/>
      <c r="DO31" s="287"/>
      <c r="DP31" s="287"/>
      <c r="DQ31" s="287"/>
      <c r="DR31" s="287"/>
      <c r="DS31" s="287"/>
      <c r="DT31" s="287"/>
      <c r="DU31" s="287"/>
      <c r="DV31" s="287"/>
      <c r="DW31" s="287"/>
      <c r="DX31" s="287"/>
      <c r="DY31" s="287"/>
      <c r="DZ31" s="287"/>
      <c r="EA31" s="287"/>
      <c r="EB31" s="287"/>
      <c r="EC31" s="194"/>
      <c r="ED31" s="194"/>
      <c r="EE31" s="194"/>
      <c r="EF31" s="194"/>
      <c r="EG31" s="194"/>
      <c r="EH31" s="194"/>
      <c r="EI31" s="194"/>
      <c r="EJ31" s="194"/>
      <c r="EK31" s="194"/>
      <c r="EL31" s="218"/>
      <c r="EM31" s="218"/>
      <c r="EN31" s="172"/>
      <c r="EO31" s="172"/>
    </row>
    <row r="32" spans="1:145" s="64" customFormat="1" ht="11.25" customHeight="1" thickTop="1" thickBot="1" x14ac:dyDescent="0.2">
      <c r="A32" s="262"/>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262"/>
      <c r="AL32" s="262"/>
      <c r="AM32" s="262"/>
      <c r="AN32" s="262"/>
      <c r="AO32" s="262"/>
      <c r="AP32" s="262"/>
      <c r="AQ32" s="262"/>
      <c r="AR32" s="262"/>
      <c r="AS32" s="262"/>
      <c r="AT32" s="262"/>
      <c r="AU32" s="262"/>
      <c r="AV32" s="259"/>
      <c r="AW32" s="259"/>
      <c r="AX32" s="259"/>
      <c r="AY32" s="259"/>
      <c r="AZ32" s="259"/>
      <c r="BA32" s="259"/>
      <c r="BB32" s="262"/>
      <c r="BC32" s="262"/>
      <c r="BD32" s="262"/>
      <c r="BE32" s="262"/>
      <c r="BF32" s="262"/>
      <c r="BG32" s="262"/>
      <c r="BH32" s="262"/>
      <c r="BI32" s="262"/>
      <c r="BJ32" s="262"/>
      <c r="BK32" s="262"/>
      <c r="BL32" s="262"/>
      <c r="BM32" s="262"/>
      <c r="BN32" s="262"/>
      <c r="BO32" s="262"/>
      <c r="BP32" s="262"/>
      <c r="BQ32" s="262"/>
      <c r="BR32" s="262"/>
      <c r="BS32" s="262"/>
      <c r="BT32" s="262"/>
      <c r="BU32" s="262"/>
      <c r="BV32" s="262"/>
      <c r="BW32" s="262"/>
      <c r="BX32" s="262"/>
      <c r="BY32" s="262"/>
      <c r="BZ32" s="262"/>
      <c r="CA32" s="262"/>
      <c r="CB32" s="262"/>
      <c r="CC32" s="263"/>
      <c r="CD32" s="263"/>
      <c r="CE32" s="263"/>
      <c r="CF32" s="263"/>
      <c r="CG32" s="263"/>
      <c r="CH32" s="263"/>
      <c r="CI32" s="263"/>
      <c r="CJ32" s="262"/>
      <c r="CK32" s="262"/>
      <c r="CL32" s="262"/>
      <c r="CM32" s="262"/>
      <c r="CN32" s="262"/>
      <c r="CO32" s="262"/>
      <c r="CP32" s="262"/>
      <c r="CQ32" s="262"/>
      <c r="CR32" s="262"/>
      <c r="CS32" s="262"/>
      <c r="CT32" s="262"/>
      <c r="CU32" s="262"/>
      <c r="CV32" s="262"/>
      <c r="CW32" s="262"/>
      <c r="CX32" s="262"/>
      <c r="CY32" s="262"/>
      <c r="CZ32" s="262"/>
      <c r="DA32" s="262"/>
      <c r="DB32" s="262"/>
    </row>
    <row r="33" spans="1:106" s="53" customFormat="1" ht="146.25" customHeight="1" thickTop="1" thickBot="1" x14ac:dyDescent="0.2">
      <c r="A33" s="705" t="s">
        <v>22</v>
      </c>
      <c r="B33" s="706"/>
      <c r="C33" s="706"/>
      <c r="D33" s="728"/>
      <c r="E33" s="729"/>
      <c r="F33" s="729"/>
      <c r="G33" s="729"/>
      <c r="H33" s="729"/>
      <c r="I33" s="729"/>
      <c r="J33" s="729"/>
      <c r="K33" s="729"/>
      <c r="L33" s="729"/>
      <c r="M33" s="729"/>
      <c r="N33" s="729"/>
      <c r="O33" s="729"/>
      <c r="P33" s="729"/>
      <c r="Q33" s="729"/>
      <c r="R33" s="729"/>
      <c r="S33" s="729"/>
      <c r="T33" s="729"/>
      <c r="U33" s="729"/>
      <c r="V33" s="729"/>
      <c r="W33" s="729"/>
      <c r="X33" s="729"/>
      <c r="Y33" s="729"/>
      <c r="Z33" s="729"/>
      <c r="AA33" s="729"/>
      <c r="AB33" s="729"/>
      <c r="AC33" s="729"/>
      <c r="AD33" s="729"/>
      <c r="AE33" s="729"/>
      <c r="AF33" s="729"/>
      <c r="AG33" s="729"/>
      <c r="AH33" s="729"/>
      <c r="AI33" s="729"/>
      <c r="AJ33" s="729"/>
      <c r="AK33" s="729"/>
      <c r="AL33" s="729"/>
      <c r="AM33" s="729"/>
      <c r="AN33" s="729"/>
      <c r="AO33" s="729"/>
      <c r="AP33" s="729"/>
      <c r="AQ33" s="729"/>
      <c r="AR33" s="729"/>
      <c r="AS33" s="729"/>
      <c r="AT33" s="729"/>
      <c r="AU33" s="729"/>
      <c r="AV33" s="729"/>
      <c r="AW33" s="729"/>
      <c r="AX33" s="729"/>
      <c r="AY33" s="729"/>
      <c r="AZ33" s="729"/>
      <c r="BA33" s="729"/>
      <c r="BB33" s="729"/>
      <c r="BC33" s="729"/>
      <c r="BD33" s="729"/>
      <c r="BE33" s="729"/>
      <c r="BF33" s="729"/>
      <c r="BG33" s="729"/>
      <c r="BH33" s="729"/>
      <c r="BI33" s="729"/>
      <c r="BJ33" s="729"/>
      <c r="BK33" s="729"/>
      <c r="BL33" s="729"/>
      <c r="BM33" s="729"/>
      <c r="BN33" s="729"/>
      <c r="BO33" s="729"/>
      <c r="BP33" s="729"/>
      <c r="BQ33" s="729"/>
      <c r="BR33" s="729"/>
      <c r="BS33" s="729"/>
      <c r="BT33" s="729"/>
      <c r="BU33" s="729"/>
      <c r="BV33" s="729"/>
      <c r="BW33" s="729"/>
      <c r="BX33" s="729"/>
      <c r="BY33" s="729"/>
      <c r="BZ33" s="729"/>
      <c r="CA33" s="729"/>
      <c r="CB33" s="729"/>
      <c r="CC33" s="729"/>
      <c r="CD33" s="729"/>
      <c r="CE33" s="729"/>
      <c r="CF33" s="729"/>
      <c r="CG33" s="729"/>
      <c r="CH33" s="729"/>
      <c r="CI33" s="729"/>
      <c r="CJ33" s="729"/>
      <c r="CK33" s="729"/>
      <c r="CL33" s="729"/>
      <c r="CM33" s="729"/>
      <c r="CN33" s="729"/>
      <c r="CO33" s="729"/>
      <c r="CP33" s="729"/>
      <c r="CQ33" s="729"/>
      <c r="CR33" s="729"/>
      <c r="CS33" s="729"/>
      <c r="CT33" s="729"/>
      <c r="CU33" s="729"/>
      <c r="CV33" s="729"/>
      <c r="CW33" s="729"/>
      <c r="CX33" s="729"/>
      <c r="CY33" s="729"/>
      <c r="CZ33" s="729"/>
      <c r="DA33" s="729"/>
      <c r="DB33" s="730"/>
    </row>
    <row r="34" spans="1:106" s="64" customFormat="1" ht="15" customHeight="1" thickTop="1" thickBot="1" x14ac:dyDescent="0.3">
      <c r="A34" s="313"/>
      <c r="B34" s="312"/>
      <c r="C34" s="314"/>
      <c r="D34" s="314"/>
      <c r="E34" s="314"/>
      <c r="F34" s="314"/>
      <c r="G34" s="315"/>
      <c r="H34" s="315"/>
      <c r="I34" s="315"/>
      <c r="J34" s="315"/>
      <c r="K34" s="315"/>
      <c r="L34" s="316"/>
      <c r="M34" s="316"/>
      <c r="N34" s="316"/>
      <c r="O34" s="316"/>
      <c r="P34" s="316"/>
      <c r="Q34" s="316"/>
      <c r="R34" s="316"/>
      <c r="S34" s="316"/>
      <c r="T34" s="316"/>
      <c r="U34" s="316"/>
      <c r="V34" s="317"/>
      <c r="W34" s="317"/>
      <c r="X34" s="317"/>
      <c r="Y34" s="317"/>
      <c r="Z34" s="317"/>
      <c r="AA34" s="317"/>
      <c r="AB34" s="317"/>
      <c r="AC34" s="317"/>
      <c r="AD34" s="316"/>
      <c r="AE34" s="316"/>
      <c r="AF34" s="316"/>
      <c r="AG34" s="316"/>
      <c r="AH34" s="316"/>
      <c r="AI34" s="316"/>
      <c r="AJ34" s="316"/>
      <c r="AK34" s="316"/>
      <c r="AL34" s="316"/>
      <c r="AM34" s="316"/>
      <c r="AN34" s="316"/>
      <c r="AO34" s="317"/>
      <c r="AP34" s="317"/>
      <c r="AQ34" s="317"/>
      <c r="AR34" s="317"/>
      <c r="AS34" s="317"/>
      <c r="AT34" s="317"/>
      <c r="AU34" s="317"/>
      <c r="AV34" s="317"/>
      <c r="AW34" s="317"/>
      <c r="AX34" s="318"/>
      <c r="AY34" s="318"/>
      <c r="AZ34" s="318"/>
      <c r="BA34" s="318"/>
      <c r="BB34" s="318"/>
      <c r="BC34" s="318"/>
      <c r="BD34" s="318"/>
      <c r="BE34" s="318"/>
      <c r="BF34" s="318"/>
      <c r="BG34" s="318"/>
      <c r="BH34" s="313"/>
      <c r="BI34" s="313"/>
      <c r="BJ34" s="313"/>
      <c r="BK34" s="313"/>
      <c r="BL34" s="313"/>
      <c r="BM34" s="313"/>
      <c r="BN34" s="312"/>
      <c r="BO34" s="312"/>
      <c r="BP34" s="312"/>
      <c r="BQ34" s="312"/>
      <c r="BR34" s="312"/>
      <c r="BS34" s="312"/>
      <c r="BT34" s="319"/>
      <c r="BU34" s="319"/>
      <c r="BV34" s="312"/>
      <c r="BW34" s="312"/>
      <c r="BX34" s="312"/>
      <c r="BY34" s="312"/>
      <c r="BZ34" s="312"/>
      <c r="CA34" s="312"/>
      <c r="CB34" s="312"/>
      <c r="CC34" s="312"/>
      <c r="CD34" s="312"/>
      <c r="CE34" s="317"/>
      <c r="CF34" s="317"/>
      <c r="CG34" s="317"/>
      <c r="CH34" s="317"/>
      <c r="CI34" s="317"/>
      <c r="CJ34" s="317"/>
      <c r="CK34" s="317"/>
      <c r="CL34" s="317"/>
      <c r="CM34" s="317"/>
      <c r="CN34" s="317"/>
      <c r="CO34" s="317"/>
      <c r="CP34" s="317"/>
      <c r="CQ34" s="317"/>
      <c r="CR34" s="317"/>
      <c r="CS34" s="317"/>
      <c r="CT34" s="317"/>
      <c r="CU34" s="317"/>
      <c r="CV34" s="317"/>
      <c r="CW34" s="317"/>
      <c r="CX34" s="317"/>
      <c r="CY34" s="317"/>
      <c r="CZ34" s="317"/>
      <c r="DA34" s="317"/>
      <c r="DB34" s="317"/>
    </row>
    <row r="35" spans="1:106" s="64" customFormat="1" ht="15" customHeight="1" thickTop="1" x14ac:dyDescent="0.25">
      <c r="A35" s="320"/>
      <c r="B35" s="321"/>
      <c r="C35" s="322"/>
      <c r="D35" s="322"/>
      <c r="E35" s="322"/>
      <c r="F35" s="322"/>
      <c r="G35" s="323"/>
      <c r="H35" s="323"/>
      <c r="I35" s="323"/>
      <c r="J35" s="323"/>
      <c r="K35" s="323"/>
      <c r="L35" s="324"/>
      <c r="M35" s="324"/>
      <c r="N35" s="324"/>
      <c r="O35" s="324"/>
      <c r="P35" s="324"/>
      <c r="Q35" s="324"/>
      <c r="R35" s="324"/>
      <c r="S35" s="324"/>
      <c r="T35" s="324"/>
      <c r="U35" s="324"/>
      <c r="V35" s="325"/>
      <c r="W35" s="325"/>
      <c r="X35" s="325"/>
      <c r="Y35" s="325"/>
      <c r="Z35" s="325"/>
      <c r="AA35" s="325"/>
      <c r="AB35" s="325"/>
      <c r="AC35" s="325"/>
      <c r="AD35" s="324"/>
      <c r="AE35" s="324"/>
      <c r="AF35" s="324"/>
      <c r="AG35" s="324"/>
      <c r="AH35" s="324"/>
      <c r="AI35" s="324"/>
      <c r="AJ35" s="324"/>
      <c r="AK35" s="324"/>
      <c r="AL35" s="324"/>
      <c r="AM35" s="324"/>
      <c r="AN35" s="324"/>
      <c r="AO35" s="325"/>
      <c r="AP35" s="325"/>
      <c r="AQ35" s="325"/>
      <c r="AR35" s="325"/>
      <c r="AS35" s="325"/>
      <c r="AT35" s="325"/>
      <c r="AU35" s="325"/>
      <c r="AV35" s="325"/>
      <c r="AW35" s="325"/>
      <c r="AX35" s="326"/>
      <c r="AY35" s="326"/>
      <c r="AZ35" s="326"/>
      <c r="BA35" s="326"/>
      <c r="BB35" s="326"/>
      <c r="BC35" s="326"/>
      <c r="BD35" s="326"/>
      <c r="BE35" s="326"/>
      <c r="BF35" s="326"/>
      <c r="BG35" s="326"/>
      <c r="BH35" s="327"/>
      <c r="BI35" s="327"/>
      <c r="BJ35" s="327"/>
      <c r="BK35" s="327"/>
      <c r="BL35" s="327"/>
      <c r="BM35" s="327"/>
      <c r="BN35" s="321"/>
      <c r="BO35" s="321"/>
      <c r="BP35" s="321"/>
      <c r="BQ35" s="321"/>
      <c r="BR35" s="321"/>
      <c r="BS35" s="321"/>
      <c r="BT35" s="328"/>
      <c r="BU35" s="328"/>
      <c r="BV35" s="321"/>
      <c r="BW35" s="321"/>
      <c r="BX35" s="321"/>
      <c r="BY35" s="321"/>
      <c r="BZ35" s="321"/>
      <c r="CA35" s="321"/>
      <c r="CB35" s="321"/>
      <c r="CC35" s="321"/>
      <c r="CD35" s="321"/>
      <c r="CE35" s="325"/>
      <c r="CF35" s="325"/>
      <c r="CG35" s="325"/>
      <c r="CH35" s="325"/>
      <c r="CI35" s="325"/>
      <c r="CJ35" s="325"/>
      <c r="CK35" s="325"/>
      <c r="CL35" s="325"/>
      <c r="CM35" s="325"/>
      <c r="CN35" s="325"/>
      <c r="CO35" s="325"/>
      <c r="CP35" s="325"/>
      <c r="CQ35" s="325"/>
      <c r="CR35" s="325"/>
      <c r="CS35" s="325"/>
      <c r="CT35" s="325"/>
      <c r="CU35" s="325"/>
      <c r="CV35" s="325"/>
      <c r="CW35" s="325"/>
      <c r="CX35" s="325"/>
      <c r="CY35" s="325"/>
      <c r="CZ35" s="325"/>
      <c r="DA35" s="325"/>
      <c r="DB35" s="329"/>
    </row>
    <row r="36" spans="1:106" s="103" customFormat="1" ht="11.25" customHeight="1" x14ac:dyDescent="0.25">
      <c r="A36" s="276"/>
      <c r="B36" s="277"/>
      <c r="C36" s="277"/>
      <c r="D36" s="277"/>
      <c r="E36" s="277"/>
      <c r="F36" s="277"/>
      <c r="G36" s="277"/>
      <c r="H36" s="277"/>
      <c r="I36" s="277"/>
      <c r="J36" s="277"/>
      <c r="K36" s="277"/>
      <c r="L36" s="277"/>
      <c r="M36" s="277"/>
      <c r="N36" s="277"/>
      <c r="O36" s="277"/>
      <c r="P36" s="277"/>
      <c r="Q36" s="277"/>
      <c r="R36" s="277"/>
      <c r="S36" s="277"/>
      <c r="T36" s="277"/>
      <c r="U36" s="277"/>
      <c r="V36" s="277"/>
      <c r="W36" s="277"/>
      <c r="X36" s="277"/>
      <c r="Y36" s="277"/>
      <c r="Z36" s="277"/>
      <c r="AA36" s="277"/>
      <c r="AB36" s="277"/>
      <c r="AC36" s="277"/>
      <c r="AD36" s="277"/>
      <c r="AE36" s="277"/>
      <c r="AF36" s="277"/>
      <c r="AG36" s="277"/>
      <c r="AH36" s="277"/>
      <c r="AI36" s="277"/>
      <c r="AJ36" s="277"/>
      <c r="AK36" s="277"/>
      <c r="AL36" s="277"/>
      <c r="AM36" s="278"/>
      <c r="AN36" s="278"/>
      <c r="AO36" s="278"/>
      <c r="AP36" s="278"/>
      <c r="AQ36" s="278"/>
      <c r="AR36" s="278"/>
      <c r="AS36" s="278"/>
      <c r="AT36" s="278"/>
      <c r="AU36" s="257"/>
      <c r="AV36" s="257"/>
      <c r="AW36" s="257"/>
      <c r="AX36" s="257"/>
      <c r="AY36" s="257"/>
      <c r="AZ36" s="257"/>
      <c r="BA36" s="257"/>
      <c r="BB36" s="257"/>
      <c r="BC36" s="257"/>
      <c r="BD36" s="257"/>
      <c r="BE36" s="257"/>
      <c r="BF36" s="257"/>
      <c r="BG36" s="257"/>
      <c r="BH36" s="257"/>
      <c r="BI36" s="257"/>
      <c r="BJ36" s="257"/>
      <c r="BK36" s="257"/>
      <c r="BL36" s="257"/>
      <c r="BM36" s="257"/>
      <c r="BN36" s="257"/>
      <c r="BO36" s="257"/>
      <c r="BP36" s="257"/>
      <c r="BQ36" s="257"/>
      <c r="BR36" s="257"/>
      <c r="BS36" s="257"/>
      <c r="BT36" s="257"/>
      <c r="BU36" s="257"/>
      <c r="BV36" s="257"/>
      <c r="BW36" s="257"/>
      <c r="BX36" s="257"/>
      <c r="BY36" s="257"/>
      <c r="BZ36" s="257"/>
      <c r="CA36" s="257"/>
      <c r="CB36" s="257"/>
      <c r="CC36" s="257"/>
      <c r="CD36" s="257"/>
      <c r="CE36" s="257"/>
      <c r="CF36" s="257"/>
      <c r="CG36" s="257"/>
      <c r="CH36" s="257"/>
      <c r="CI36" s="257"/>
      <c r="CJ36" s="257"/>
      <c r="CK36" s="257"/>
      <c r="CL36" s="257"/>
      <c r="CM36" s="257"/>
      <c r="CN36" s="257"/>
      <c r="CO36" s="257"/>
      <c r="CP36" s="257"/>
      <c r="CQ36" s="257"/>
      <c r="CR36" s="257"/>
      <c r="CS36" s="260"/>
      <c r="CT36" s="260"/>
      <c r="CU36" s="260"/>
      <c r="CV36" s="260"/>
      <c r="CW36" s="260"/>
      <c r="CX36" s="260"/>
      <c r="CY36" s="260"/>
      <c r="CZ36" s="260"/>
      <c r="DA36" s="260"/>
      <c r="DB36" s="266"/>
    </row>
    <row r="37" spans="1:106" s="103" customFormat="1" ht="23.25" customHeight="1" x14ac:dyDescent="0.25">
      <c r="A37" s="276"/>
      <c r="B37" s="277"/>
      <c r="C37" s="257"/>
      <c r="D37" s="277"/>
      <c r="E37" s="257"/>
      <c r="F37" s="277"/>
      <c r="G37" s="277"/>
      <c r="H37" s="277"/>
      <c r="I37" s="257"/>
      <c r="J37" s="277"/>
      <c r="K37" s="277"/>
      <c r="L37" s="277"/>
      <c r="M37" s="277"/>
      <c r="N37" s="277"/>
      <c r="O37" s="277"/>
      <c r="P37" s="277"/>
      <c r="Q37" s="277"/>
      <c r="R37" s="277"/>
      <c r="S37" s="277"/>
      <c r="T37" s="277"/>
      <c r="U37" s="277"/>
      <c r="V37" s="277"/>
      <c r="W37" s="277"/>
      <c r="X37" s="277"/>
      <c r="Y37" s="277"/>
      <c r="Z37" s="277"/>
      <c r="AA37" s="277"/>
      <c r="AB37" s="277"/>
      <c r="AC37" s="277"/>
      <c r="AD37" s="277"/>
      <c r="AE37" s="277"/>
      <c r="AF37" s="277"/>
      <c r="AG37" s="277"/>
      <c r="AH37" s="277"/>
      <c r="AI37" s="277"/>
      <c r="AJ37" s="277"/>
      <c r="AK37" s="277"/>
      <c r="AL37" s="277"/>
      <c r="AM37" s="278"/>
      <c r="AN37" s="278"/>
      <c r="AO37" s="278"/>
      <c r="AP37" s="278"/>
      <c r="AQ37" s="278"/>
      <c r="AR37" s="299" t="s">
        <v>243</v>
      </c>
      <c r="AS37" s="278"/>
      <c r="AT37" s="278"/>
      <c r="AU37" s="257"/>
      <c r="AV37" s="257"/>
      <c r="AW37" s="257"/>
      <c r="AX37" s="257"/>
      <c r="AY37" s="257"/>
      <c r="AZ37" s="257"/>
      <c r="BA37" s="257"/>
      <c r="BB37" s="707"/>
      <c r="BC37" s="707"/>
      <c r="BD37" s="707"/>
      <c r="BE37" s="707"/>
      <c r="BF37" s="707"/>
      <c r="BG37" s="707"/>
      <c r="BH37" s="707"/>
      <c r="BI37" s="257"/>
      <c r="BJ37" s="311" t="s">
        <v>286</v>
      </c>
      <c r="BK37" s="709"/>
      <c r="BL37" s="709"/>
      <c r="BM37" s="709"/>
      <c r="BN37" s="709"/>
      <c r="BO37" s="709"/>
      <c r="BP37" s="709"/>
      <c r="BQ37" s="709"/>
      <c r="BR37" s="311" t="s">
        <v>287</v>
      </c>
      <c r="BS37" s="708"/>
      <c r="BT37" s="708"/>
      <c r="BU37" s="708"/>
      <c r="BV37" s="708"/>
      <c r="BW37" s="708"/>
      <c r="BX37" s="708"/>
      <c r="BY37" s="263" t="s">
        <v>288</v>
      </c>
      <c r="BZ37" s="257"/>
      <c r="CA37" s="310"/>
      <c r="CB37" s="257"/>
      <c r="CC37" s="257"/>
      <c r="CD37" s="257"/>
      <c r="CE37" s="257"/>
      <c r="CF37" s="257"/>
      <c r="CG37" s="257"/>
      <c r="CH37" s="257"/>
      <c r="CI37" s="257"/>
      <c r="CJ37" s="257"/>
      <c r="CK37" s="257"/>
      <c r="CL37" s="257"/>
      <c r="CM37" s="257"/>
      <c r="CN37" s="257"/>
      <c r="CO37" s="257"/>
      <c r="CP37" s="257"/>
      <c r="CQ37" s="257"/>
      <c r="CR37" s="257"/>
      <c r="CS37" s="260"/>
      <c r="CT37" s="260"/>
      <c r="CU37" s="260"/>
      <c r="CV37" s="260"/>
      <c r="CW37" s="260"/>
      <c r="CX37" s="260"/>
      <c r="CY37" s="260"/>
      <c r="CZ37" s="260"/>
      <c r="DA37" s="260"/>
      <c r="DB37" s="266"/>
    </row>
    <row r="38" spans="1:106" s="103" customFormat="1" ht="23.25" customHeight="1" x14ac:dyDescent="0.25">
      <c r="A38" s="276"/>
      <c r="B38" s="277"/>
      <c r="C38" s="277"/>
      <c r="D38" s="277"/>
      <c r="E38" s="257"/>
      <c r="F38" s="277"/>
      <c r="G38" s="277"/>
      <c r="H38" s="685" t="s">
        <v>297</v>
      </c>
      <c r="I38" s="685"/>
      <c r="J38" s="685"/>
      <c r="K38" s="685"/>
      <c r="L38" s="685"/>
      <c r="M38" s="685"/>
      <c r="N38" s="685"/>
      <c r="O38" s="685"/>
      <c r="P38" s="685"/>
      <c r="Q38" s="685"/>
      <c r="R38" s="685"/>
      <c r="S38" s="685"/>
      <c r="T38" s="685"/>
      <c r="U38" s="685"/>
      <c r="V38" s="685"/>
      <c r="W38" s="685"/>
      <c r="X38" s="685"/>
      <c r="Y38" s="685"/>
      <c r="Z38" s="685"/>
      <c r="AA38" s="685"/>
      <c r="AB38" s="685"/>
      <c r="AC38" s="685"/>
      <c r="AD38" s="277"/>
      <c r="AE38" s="277"/>
      <c r="AF38" s="277"/>
      <c r="AG38" s="277"/>
      <c r="AH38" s="277"/>
      <c r="AI38" s="277"/>
      <c r="AJ38" s="277"/>
      <c r="AK38" s="277"/>
      <c r="AL38" s="277"/>
      <c r="AM38" s="278"/>
      <c r="AN38" s="278"/>
      <c r="AO38" s="278"/>
      <c r="AP38" s="278"/>
      <c r="AQ38" s="278"/>
      <c r="AR38" s="278"/>
      <c r="AS38" s="278"/>
      <c r="AT38" s="278"/>
      <c r="AU38" s="257"/>
      <c r="AV38" s="257"/>
      <c r="AW38" s="257"/>
      <c r="AX38" s="257"/>
      <c r="AY38" s="257"/>
      <c r="AZ38" s="257"/>
      <c r="BA38" s="257"/>
      <c r="BB38" s="257"/>
      <c r="BC38" s="257"/>
      <c r="BD38" s="257"/>
      <c r="BE38" s="257"/>
      <c r="BF38" s="257"/>
      <c r="BG38" s="257"/>
      <c r="BH38" s="257"/>
      <c r="BI38" s="257"/>
      <c r="BJ38" s="257"/>
      <c r="BK38" s="257"/>
      <c r="BL38" s="257"/>
      <c r="BM38" s="257"/>
      <c r="BN38" s="257"/>
      <c r="BO38" s="257"/>
      <c r="BP38" s="257"/>
      <c r="BQ38" s="257"/>
      <c r="BR38" s="257"/>
      <c r="BS38" s="257"/>
      <c r="BT38" s="280"/>
      <c r="BU38" s="257"/>
      <c r="BV38" s="257"/>
      <c r="BW38" s="257"/>
      <c r="BX38" s="257"/>
      <c r="BY38" s="257"/>
      <c r="BZ38" s="257"/>
      <c r="CA38" s="257"/>
      <c r="CB38" s="257"/>
      <c r="CC38" s="257"/>
      <c r="CD38" s="257"/>
      <c r="CE38" s="257"/>
      <c r="CF38" s="280"/>
      <c r="CG38" s="257"/>
      <c r="CH38" s="257"/>
      <c r="CI38" s="257"/>
      <c r="CJ38" s="257"/>
      <c r="CK38" s="257"/>
      <c r="CL38" s="257"/>
      <c r="CM38" s="257"/>
      <c r="CN38" s="257"/>
      <c r="CO38" s="257"/>
      <c r="CP38" s="257"/>
      <c r="CQ38" s="257"/>
      <c r="CR38" s="257"/>
      <c r="CS38" s="260"/>
      <c r="CT38" s="260"/>
      <c r="CU38" s="260"/>
      <c r="CV38" s="260"/>
      <c r="CW38" s="260"/>
      <c r="CX38" s="260"/>
      <c r="CY38" s="260"/>
      <c r="CZ38" s="260"/>
      <c r="DA38" s="260"/>
      <c r="DB38" s="266"/>
    </row>
    <row r="39" spans="1:106" s="130" customFormat="1" ht="23.25" customHeight="1" x14ac:dyDescent="0.25">
      <c r="A39" s="281"/>
      <c r="B39" s="279"/>
      <c r="C39" s="279"/>
      <c r="D39" s="279"/>
      <c r="E39" s="279"/>
      <c r="F39" s="279"/>
      <c r="G39" s="279"/>
      <c r="H39" s="279"/>
      <c r="I39" s="279"/>
      <c r="J39" s="279"/>
      <c r="K39" s="279"/>
      <c r="L39" s="279"/>
      <c r="M39" s="279"/>
      <c r="N39" s="279"/>
      <c r="O39" s="279"/>
      <c r="P39" s="279"/>
      <c r="Q39" s="279"/>
      <c r="R39" s="279"/>
      <c r="S39" s="279"/>
      <c r="T39" s="279"/>
      <c r="U39" s="279"/>
      <c r="V39" s="279"/>
      <c r="W39" s="279"/>
      <c r="X39" s="279"/>
      <c r="Y39" s="279"/>
      <c r="Z39" s="279"/>
      <c r="AA39" s="279"/>
      <c r="AB39" s="279"/>
      <c r="AC39" s="279"/>
      <c r="AD39" s="279"/>
      <c r="AE39" s="279"/>
      <c r="AF39" s="279"/>
      <c r="AG39" s="279"/>
      <c r="AH39" s="279"/>
      <c r="AI39" s="279"/>
      <c r="AJ39" s="279"/>
      <c r="AK39" s="279"/>
      <c r="AL39" s="279"/>
      <c r="AM39" s="282"/>
      <c r="AN39" s="282"/>
      <c r="AO39" s="282"/>
      <c r="AP39" s="282"/>
      <c r="AQ39" s="282"/>
      <c r="AR39" s="282"/>
      <c r="AS39" s="282"/>
      <c r="AT39" s="282"/>
      <c r="AU39" s="280"/>
      <c r="AV39" s="280"/>
      <c r="AW39" s="280"/>
      <c r="AX39" s="280"/>
      <c r="AY39" s="280"/>
      <c r="AZ39" s="280"/>
      <c r="BA39" s="280"/>
      <c r="BB39" s="280"/>
      <c r="BC39" s="280"/>
      <c r="BD39" s="280"/>
      <c r="BE39" s="280"/>
      <c r="BF39" s="280"/>
      <c r="BG39" s="280"/>
      <c r="BH39" s="280"/>
      <c r="BI39" s="280"/>
      <c r="BJ39" s="257"/>
      <c r="BK39" s="257"/>
      <c r="BL39" s="257"/>
      <c r="BM39" s="257"/>
      <c r="BN39" s="257"/>
      <c r="BO39" s="257"/>
      <c r="BP39" s="257"/>
      <c r="BQ39" s="257"/>
      <c r="BR39" s="157"/>
      <c r="BS39" s="279"/>
      <c r="BT39" s="279"/>
      <c r="BU39" s="279"/>
      <c r="BV39" s="279"/>
      <c r="BW39" s="279"/>
      <c r="BX39" s="279"/>
      <c r="BY39" s="279"/>
      <c r="BZ39" s="279"/>
      <c r="CA39" s="279"/>
      <c r="CB39" s="279"/>
      <c r="CC39" s="279"/>
      <c r="CD39" s="279"/>
      <c r="CE39" s="279"/>
      <c r="CF39" s="283"/>
      <c r="CG39" s="280"/>
      <c r="CH39" s="280"/>
      <c r="CI39" s="280"/>
      <c r="CJ39" s="280"/>
      <c r="CK39" s="280"/>
      <c r="CL39" s="280"/>
      <c r="CM39" s="280"/>
      <c r="CN39" s="280"/>
      <c r="CO39" s="280"/>
      <c r="CP39" s="280"/>
      <c r="CQ39" s="280"/>
      <c r="CR39" s="280"/>
      <c r="CS39" s="265"/>
      <c r="CT39" s="267"/>
      <c r="CU39" s="267"/>
      <c r="CV39" s="267"/>
      <c r="CW39" s="267"/>
      <c r="CX39" s="267"/>
      <c r="CY39" s="267"/>
      <c r="CZ39" s="267"/>
      <c r="DA39" s="267"/>
      <c r="DB39" s="269"/>
    </row>
    <row r="40" spans="1:106" s="130" customFormat="1" ht="23.25" customHeight="1" x14ac:dyDescent="0.2">
      <c r="A40" s="281" t="s">
        <v>231</v>
      </c>
      <c r="B40" s="279"/>
      <c r="C40" s="279"/>
      <c r="D40" s="279"/>
      <c r="E40" s="279"/>
      <c r="F40" s="279"/>
      <c r="G40" s="279"/>
      <c r="H40" s="279"/>
      <c r="I40" s="279"/>
      <c r="J40" s="279"/>
      <c r="K40" s="279"/>
      <c r="L40" s="279"/>
      <c r="M40" s="279"/>
      <c r="N40" s="279"/>
      <c r="O40" s="279"/>
      <c r="P40" s="279"/>
      <c r="Q40" s="279"/>
      <c r="R40" s="279"/>
      <c r="S40" s="279"/>
      <c r="T40" s="279"/>
      <c r="U40" s="279"/>
      <c r="V40" s="279"/>
      <c r="W40" s="279"/>
      <c r="X40" s="279"/>
      <c r="Y40" s="279"/>
      <c r="Z40" s="279"/>
      <c r="AA40" s="279"/>
      <c r="AB40" s="279"/>
      <c r="AC40" s="279"/>
      <c r="AD40" s="279"/>
      <c r="AE40" s="279"/>
      <c r="AF40" s="279"/>
      <c r="AG40" s="279"/>
      <c r="AH40" s="279"/>
      <c r="AI40" s="279"/>
      <c r="AJ40" s="279"/>
      <c r="AK40" s="279"/>
      <c r="AL40" s="279"/>
      <c r="AM40" s="282"/>
      <c r="AN40" s="282"/>
      <c r="AO40" s="282"/>
      <c r="AP40" s="282"/>
      <c r="AQ40" s="282"/>
      <c r="AR40" s="282"/>
      <c r="AS40" s="282"/>
      <c r="AT40" s="282"/>
      <c r="AU40" s="284"/>
      <c r="AV40" s="284"/>
      <c r="AW40" s="284"/>
      <c r="AX40" s="284"/>
      <c r="AY40" s="284"/>
      <c r="AZ40" s="284"/>
      <c r="BA40" s="284"/>
      <c r="BB40" s="283"/>
      <c r="BC40" s="283"/>
      <c r="BD40" s="283"/>
      <c r="BE40" s="283"/>
      <c r="BF40" s="283"/>
      <c r="BG40" s="283"/>
      <c r="BH40" s="283"/>
      <c r="BI40" s="283"/>
      <c r="BJ40" s="265" t="s">
        <v>85</v>
      </c>
      <c r="BK40" s="279"/>
      <c r="BL40" s="279"/>
      <c r="BM40" s="279"/>
      <c r="BN40" s="279"/>
      <c r="BO40" s="279"/>
      <c r="BP40" s="710"/>
      <c r="BQ40" s="710"/>
      <c r="BR40" s="710"/>
      <c r="BS40" s="710"/>
      <c r="BT40" s="710"/>
      <c r="BU40" s="710"/>
      <c r="BV40" s="710"/>
      <c r="BW40" s="710"/>
      <c r="BX40" s="710"/>
      <c r="BY40" s="710"/>
      <c r="BZ40" s="710"/>
      <c r="CA40" s="279"/>
      <c r="CB40" s="279"/>
      <c r="CC40" s="279"/>
      <c r="CD40" s="279"/>
      <c r="CE40" s="279"/>
      <c r="CF40" s="283"/>
      <c r="CG40" s="283"/>
      <c r="CH40" s="283"/>
      <c r="CI40" s="283"/>
      <c r="CJ40" s="283"/>
      <c r="CK40" s="283"/>
      <c r="CL40" s="283"/>
      <c r="CM40" s="283"/>
      <c r="CN40" s="283"/>
      <c r="CO40" s="283"/>
      <c r="CP40" s="283"/>
      <c r="CQ40" s="283"/>
      <c r="CR40" s="283"/>
      <c r="CS40" s="265"/>
      <c r="CT40" s="268"/>
      <c r="CU40" s="268"/>
      <c r="CV40" s="268"/>
      <c r="CW40" s="268"/>
      <c r="CX40" s="268"/>
      <c r="CY40" s="268"/>
      <c r="CZ40" s="268"/>
      <c r="DA40" s="268"/>
      <c r="DB40" s="286"/>
    </row>
    <row r="41" spans="1:106" s="130" customFormat="1" ht="23.25" customHeight="1" x14ac:dyDescent="0.25">
      <c r="A41" s="281" t="s">
        <v>232</v>
      </c>
      <c r="B41" s="279"/>
      <c r="C41" s="279"/>
      <c r="D41" s="279"/>
      <c r="E41" s="279"/>
      <c r="F41" s="279"/>
      <c r="G41" s="279"/>
      <c r="H41" s="279"/>
      <c r="I41" s="279"/>
      <c r="J41" s="279"/>
      <c r="K41" s="279"/>
      <c r="L41" s="279"/>
      <c r="M41" s="279"/>
      <c r="N41" s="279"/>
      <c r="O41" s="279"/>
      <c r="P41" s="279"/>
      <c r="Q41" s="279"/>
      <c r="R41" s="279"/>
      <c r="S41" s="279"/>
      <c r="T41" s="279"/>
      <c r="U41" s="279"/>
      <c r="V41" s="279"/>
      <c r="W41" s="279"/>
      <c r="X41" s="279"/>
      <c r="Y41" s="279"/>
      <c r="Z41" s="279"/>
      <c r="AA41" s="279"/>
      <c r="AB41" s="279"/>
      <c r="AC41" s="279"/>
      <c r="AD41" s="279"/>
      <c r="AE41" s="279"/>
      <c r="AF41" s="279"/>
      <c r="AG41" s="279"/>
      <c r="AH41" s="279"/>
      <c r="AI41" s="279"/>
      <c r="AJ41" s="279"/>
      <c r="AK41" s="279"/>
      <c r="AL41" s="279"/>
      <c r="AM41" s="282"/>
      <c r="AN41" s="282"/>
      <c r="AO41" s="282"/>
      <c r="AP41" s="282"/>
      <c r="AQ41" s="282"/>
      <c r="AR41" s="282"/>
      <c r="AS41" s="282"/>
      <c r="AT41" s="282"/>
      <c r="AU41" s="284"/>
      <c r="AV41" s="284"/>
      <c r="AW41" s="284"/>
      <c r="AX41" s="284"/>
      <c r="AY41" s="284"/>
      <c r="AZ41" s="284"/>
      <c r="BA41" s="284"/>
      <c r="BB41" s="283"/>
      <c r="BC41" s="283"/>
      <c r="BD41" s="283"/>
      <c r="BE41" s="283"/>
      <c r="BF41" s="283"/>
      <c r="BG41" s="283"/>
      <c r="BH41" s="283"/>
      <c r="BI41" s="283"/>
      <c r="BJ41" s="297" t="s">
        <v>13</v>
      </c>
      <c r="BK41" s="285"/>
      <c r="BL41" s="285"/>
      <c r="BM41" s="285"/>
      <c r="BN41" s="285"/>
      <c r="BO41" s="285"/>
      <c r="BP41" s="285"/>
      <c r="BQ41" s="279"/>
      <c r="BR41" s="279"/>
      <c r="BS41" s="279"/>
      <c r="BT41" s="279"/>
      <c r="BU41" s="279"/>
      <c r="BV41" s="279"/>
      <c r="BW41" s="279"/>
      <c r="BX41" s="279"/>
      <c r="BY41" s="279"/>
      <c r="BZ41" s="279"/>
      <c r="CA41" s="279"/>
      <c r="CB41" s="279"/>
      <c r="CC41" s="279"/>
      <c r="CD41" s="279"/>
      <c r="CE41" s="279"/>
      <c r="CF41" s="280"/>
      <c r="CG41" s="283"/>
      <c r="CH41" s="283"/>
      <c r="CI41" s="283"/>
      <c r="CJ41" s="283"/>
      <c r="CK41" s="283"/>
      <c r="CL41" s="283"/>
      <c r="CM41" s="283"/>
      <c r="CN41" s="283"/>
      <c r="CO41" s="283"/>
      <c r="CP41" s="283"/>
      <c r="CQ41" s="283"/>
      <c r="CR41" s="283"/>
      <c r="CS41" s="265"/>
      <c r="CT41" s="268"/>
      <c r="CU41" s="268"/>
      <c r="CV41" s="268"/>
      <c r="CW41" s="268"/>
      <c r="CX41" s="268"/>
      <c r="CY41" s="268"/>
      <c r="CZ41" s="268"/>
      <c r="DA41" s="268"/>
      <c r="DB41" s="286"/>
    </row>
    <row r="42" spans="1:106" s="130" customFormat="1" ht="23.25" customHeight="1" x14ac:dyDescent="0.25">
      <c r="A42" s="281"/>
      <c r="B42" s="279"/>
      <c r="C42" s="279"/>
      <c r="D42" s="279"/>
      <c r="E42" s="279"/>
      <c r="F42" s="279"/>
      <c r="G42" s="279"/>
      <c r="H42" s="279"/>
      <c r="I42" s="279"/>
      <c r="J42" s="279"/>
      <c r="K42" s="279"/>
      <c r="L42" s="279"/>
      <c r="M42" s="279"/>
      <c r="N42" s="279"/>
      <c r="O42" s="279"/>
      <c r="P42" s="279"/>
      <c r="Q42" s="279"/>
      <c r="R42" s="279"/>
      <c r="S42" s="279"/>
      <c r="T42" s="279"/>
      <c r="U42" s="279"/>
      <c r="V42" s="279"/>
      <c r="W42" s="279"/>
      <c r="X42" s="279"/>
      <c r="Y42" s="279"/>
      <c r="Z42" s="279"/>
      <c r="AA42" s="279"/>
      <c r="AB42" s="279"/>
      <c r="AC42" s="279"/>
      <c r="AD42" s="279"/>
      <c r="AE42" s="279"/>
      <c r="AF42" s="279"/>
      <c r="AG42" s="279"/>
      <c r="AH42" s="279"/>
      <c r="AI42" s="279"/>
      <c r="AJ42" s="279"/>
      <c r="AK42" s="279"/>
      <c r="AL42" s="279"/>
      <c r="AM42" s="282"/>
      <c r="AN42" s="282"/>
      <c r="AO42" s="282"/>
      <c r="AP42" s="282"/>
      <c r="AQ42" s="282"/>
      <c r="AR42" s="282"/>
      <c r="AS42" s="282"/>
      <c r="AT42" s="282"/>
      <c r="AU42" s="280"/>
      <c r="AV42" s="280"/>
      <c r="AW42" s="280"/>
      <c r="AX42" s="280"/>
      <c r="AY42" s="280"/>
      <c r="AZ42" s="280"/>
      <c r="BA42" s="280"/>
      <c r="BB42" s="280"/>
      <c r="BC42" s="280"/>
      <c r="BD42" s="280"/>
      <c r="BE42" s="280"/>
      <c r="BF42" s="280"/>
      <c r="BG42" s="280"/>
      <c r="BH42" s="280"/>
      <c r="BI42" s="280"/>
      <c r="BJ42" s="265" t="s">
        <v>271</v>
      </c>
      <c r="BK42" s="279"/>
      <c r="BL42" s="279"/>
      <c r="BM42" s="279"/>
      <c r="BN42" s="279"/>
      <c r="BO42" s="279"/>
      <c r="BP42" s="279"/>
      <c r="BQ42" s="279"/>
      <c r="BR42" s="279"/>
      <c r="BS42" s="279"/>
      <c r="BT42" s="279"/>
      <c r="BU42" s="279"/>
      <c r="BV42" s="279"/>
      <c r="BW42" s="279"/>
      <c r="BX42" s="279"/>
      <c r="BY42" s="279"/>
      <c r="BZ42" s="279"/>
      <c r="CA42" s="279"/>
      <c r="CB42" s="279"/>
      <c r="CC42" s="157"/>
      <c r="CD42" s="280"/>
      <c r="CE42" s="279"/>
      <c r="CF42" s="157"/>
      <c r="CG42" s="280"/>
      <c r="CH42" s="280"/>
      <c r="CI42" s="280"/>
      <c r="CJ42" s="280"/>
      <c r="CK42" s="280"/>
      <c r="CL42" s="279"/>
      <c r="CM42" s="280"/>
      <c r="CN42" s="280"/>
      <c r="CO42" s="280"/>
      <c r="CP42" s="280"/>
      <c r="CQ42" s="280"/>
      <c r="CR42" s="280"/>
      <c r="CS42" s="265"/>
      <c r="CT42" s="267"/>
      <c r="CU42" s="267"/>
      <c r="CV42" s="267"/>
      <c r="CW42" s="267"/>
      <c r="CX42" s="267"/>
      <c r="CY42" s="267"/>
      <c r="CZ42" s="267"/>
      <c r="DA42" s="267"/>
      <c r="DB42" s="269"/>
    </row>
    <row r="43" spans="1:106" s="130" customFormat="1" ht="23.25" customHeight="1" x14ac:dyDescent="0.25">
      <c r="A43" s="281"/>
      <c r="B43" s="279"/>
      <c r="C43" s="279"/>
      <c r="D43" s="279"/>
      <c r="E43" s="279"/>
      <c r="F43" s="279"/>
      <c r="G43" s="279"/>
      <c r="H43" s="279"/>
      <c r="I43" s="279"/>
      <c r="J43" s="279"/>
      <c r="K43" s="279"/>
      <c r="L43" s="279"/>
      <c r="M43" s="279"/>
      <c r="N43" s="279"/>
      <c r="O43" s="279"/>
      <c r="P43" s="279"/>
      <c r="Q43" s="279"/>
      <c r="R43" s="279"/>
      <c r="S43" s="279"/>
      <c r="T43" s="279"/>
      <c r="U43" s="279"/>
      <c r="V43" s="279"/>
      <c r="W43" s="279"/>
      <c r="X43" s="279"/>
      <c r="Y43" s="279"/>
      <c r="Z43" s="279"/>
      <c r="AA43" s="279"/>
      <c r="AB43" s="279"/>
      <c r="AC43" s="279"/>
      <c r="AD43" s="279"/>
      <c r="AE43" s="279"/>
      <c r="AF43" s="279"/>
      <c r="AG43" s="279"/>
      <c r="AH43" s="279"/>
      <c r="AI43" s="279"/>
      <c r="AJ43" s="279"/>
      <c r="AK43" s="279"/>
      <c r="AL43" s="279"/>
      <c r="AM43" s="282"/>
      <c r="AN43" s="282"/>
      <c r="AO43" s="282"/>
      <c r="AP43" s="282"/>
      <c r="AQ43" s="282"/>
      <c r="AR43" s="282"/>
      <c r="AS43" s="282"/>
      <c r="AT43" s="282"/>
      <c r="AU43" s="280"/>
      <c r="AV43" s="280"/>
      <c r="AW43" s="280"/>
      <c r="AX43" s="280"/>
      <c r="AY43" s="280"/>
      <c r="AZ43" s="280"/>
      <c r="BA43" s="280"/>
      <c r="BB43" s="280"/>
      <c r="BC43" s="280"/>
      <c r="BD43" s="280"/>
      <c r="BE43" s="280"/>
      <c r="BF43" s="280"/>
      <c r="BG43" s="280"/>
      <c r="BH43" s="280"/>
      <c r="BI43" s="280"/>
      <c r="BJ43" s="298" t="s">
        <v>241</v>
      </c>
      <c r="BP43" s="711"/>
      <c r="BQ43" s="711"/>
      <c r="BR43" s="711"/>
      <c r="BS43" s="711"/>
      <c r="BT43" s="711"/>
      <c r="BU43" s="711"/>
      <c r="BV43" s="711"/>
      <c r="BW43" s="711"/>
      <c r="BX43" s="711"/>
      <c r="BY43" s="711"/>
      <c r="BZ43" s="711"/>
      <c r="CA43" s="711"/>
      <c r="CB43" s="711"/>
      <c r="CC43" s="711"/>
      <c r="CD43" s="711"/>
      <c r="CE43" s="711"/>
      <c r="CF43" s="711"/>
      <c r="CG43" s="711"/>
      <c r="CH43" s="711"/>
      <c r="CI43" s="711"/>
      <c r="CJ43" s="711"/>
      <c r="CK43" s="711"/>
      <c r="CL43" s="711"/>
      <c r="CM43" s="711"/>
      <c r="CN43" s="711"/>
      <c r="CO43" s="711"/>
      <c r="CP43" s="711"/>
      <c r="CQ43" s="711"/>
      <c r="CR43" s="711"/>
      <c r="CS43" s="711"/>
      <c r="CT43" s="711"/>
      <c r="CU43" s="711"/>
      <c r="CV43" s="711"/>
      <c r="CW43" s="711"/>
      <c r="CX43" s="267"/>
      <c r="CY43" s="267"/>
      <c r="CZ43" s="267"/>
      <c r="DA43" s="267"/>
      <c r="DB43" s="269"/>
    </row>
    <row r="44" spans="1:106" s="130" customFormat="1" ht="9.75" customHeight="1" thickBot="1" x14ac:dyDescent="0.3">
      <c r="A44" s="270"/>
      <c r="B44" s="271"/>
      <c r="C44" s="271"/>
      <c r="D44" s="271"/>
      <c r="E44" s="271"/>
      <c r="F44" s="271"/>
      <c r="G44" s="271"/>
      <c r="H44" s="271"/>
      <c r="I44" s="271"/>
      <c r="J44" s="271"/>
      <c r="K44" s="271"/>
      <c r="L44" s="271"/>
      <c r="M44" s="271"/>
      <c r="N44" s="271"/>
      <c r="O44" s="271"/>
      <c r="P44" s="271"/>
      <c r="Q44" s="271"/>
      <c r="R44" s="271"/>
      <c r="S44" s="271"/>
      <c r="T44" s="271"/>
      <c r="U44" s="271"/>
      <c r="V44" s="271"/>
      <c r="W44" s="272"/>
      <c r="X44" s="271"/>
      <c r="Y44" s="271"/>
      <c r="Z44" s="271"/>
      <c r="AA44" s="271"/>
      <c r="AB44" s="271"/>
      <c r="AC44" s="271"/>
      <c r="AD44" s="271"/>
      <c r="AE44" s="271"/>
      <c r="AF44" s="271"/>
      <c r="AG44" s="271"/>
      <c r="AH44" s="271"/>
      <c r="AI44" s="271"/>
      <c r="AJ44" s="271"/>
      <c r="AK44" s="271"/>
      <c r="AL44" s="271"/>
      <c r="AM44" s="271"/>
      <c r="AN44" s="271"/>
      <c r="AO44" s="271"/>
      <c r="AP44" s="271"/>
      <c r="AQ44" s="271"/>
      <c r="AR44" s="271"/>
      <c r="AS44" s="271"/>
      <c r="AT44" s="271"/>
      <c r="AU44" s="272"/>
      <c r="AV44" s="272"/>
      <c r="AW44" s="272"/>
      <c r="AX44" s="272"/>
      <c r="AY44" s="272"/>
      <c r="AZ44" s="272"/>
      <c r="BA44" s="272"/>
      <c r="BB44" s="272"/>
      <c r="BC44" s="272"/>
      <c r="BD44" s="272"/>
      <c r="BE44" s="272"/>
      <c r="BF44" s="272"/>
      <c r="BG44" s="272"/>
      <c r="BH44" s="272"/>
      <c r="BI44" s="272"/>
      <c r="BJ44" s="272"/>
      <c r="BK44" s="272"/>
      <c r="BL44" s="272"/>
      <c r="BM44" s="272"/>
      <c r="BN44" s="272"/>
      <c r="BO44" s="272"/>
      <c r="BP44" s="272"/>
      <c r="BQ44" s="272"/>
      <c r="BR44" s="272"/>
      <c r="BS44" s="272"/>
      <c r="BT44" s="271"/>
      <c r="BU44" s="271"/>
      <c r="BV44" s="271"/>
      <c r="BW44" s="271"/>
      <c r="BX44" s="271"/>
      <c r="BY44" s="271"/>
      <c r="BZ44" s="271"/>
      <c r="CA44" s="271"/>
      <c r="CB44" s="271"/>
      <c r="CC44" s="271"/>
      <c r="CD44" s="271"/>
      <c r="CE44" s="271"/>
      <c r="CF44" s="271"/>
      <c r="CG44" s="271"/>
      <c r="CH44" s="271"/>
      <c r="CI44" s="271"/>
      <c r="CJ44" s="271"/>
      <c r="CK44" s="271"/>
      <c r="CL44" s="271"/>
      <c r="CM44" s="271"/>
      <c r="CN44" s="271"/>
      <c r="CO44" s="271"/>
      <c r="CP44" s="272"/>
      <c r="CQ44" s="271"/>
      <c r="CR44" s="271"/>
      <c r="CS44" s="272"/>
      <c r="CT44" s="272"/>
      <c r="CU44" s="272"/>
      <c r="CV44" s="272"/>
      <c r="CW44" s="272"/>
      <c r="CX44" s="272"/>
      <c r="CY44" s="272"/>
      <c r="CZ44" s="272"/>
      <c r="DA44" s="272"/>
      <c r="DB44" s="273"/>
    </row>
    <row r="45" spans="1:106" s="130" customFormat="1" ht="12.75" customHeight="1" thickTop="1" x14ac:dyDescent="0.2">
      <c r="A45" s="104"/>
      <c r="B45" s="104"/>
      <c r="C45" s="104"/>
      <c r="D45" s="104"/>
      <c r="E45" s="104"/>
      <c r="F45" s="104"/>
      <c r="G45" s="104"/>
      <c r="H45" s="104"/>
      <c r="I45" s="104"/>
      <c r="J45" s="104"/>
      <c r="K45" s="104"/>
      <c r="L45" s="104"/>
      <c r="M45" s="104"/>
      <c r="N45" s="104"/>
      <c r="O45" s="104"/>
      <c r="P45" s="104"/>
      <c r="Q45" s="104"/>
      <c r="R45" s="104"/>
      <c r="S45" s="104"/>
      <c r="T45" s="104"/>
      <c r="U45" s="104"/>
      <c r="V45" s="104"/>
      <c r="W45" s="103"/>
      <c r="X45" s="104"/>
      <c r="Y45" s="104"/>
      <c r="Z45" s="104"/>
      <c r="AA45" s="104"/>
      <c r="AB45" s="104"/>
      <c r="AC45" s="104"/>
      <c r="AD45" s="104"/>
      <c r="AE45" s="104"/>
      <c r="AF45" s="104"/>
      <c r="AG45" s="104"/>
      <c r="AH45" s="104"/>
      <c r="AI45" s="104"/>
      <c r="AJ45" s="104"/>
      <c r="AK45" s="104"/>
      <c r="AL45" s="104"/>
      <c r="AM45" s="104"/>
      <c r="AN45" s="104"/>
      <c r="AO45" s="104"/>
      <c r="AP45" s="104"/>
      <c r="AQ45" s="104"/>
      <c r="AR45" s="104"/>
      <c r="AS45" s="104"/>
      <c r="AT45" s="104"/>
      <c r="AU45" s="103"/>
      <c r="AV45" s="103"/>
      <c r="AW45" s="103"/>
      <c r="AX45" s="103"/>
      <c r="AY45" s="103"/>
      <c r="AZ45" s="103"/>
      <c r="BA45" s="103"/>
      <c r="BB45" s="103"/>
      <c r="BC45" s="103"/>
      <c r="BD45" s="103"/>
      <c r="BE45" s="103"/>
      <c r="BF45" s="103"/>
      <c r="BG45" s="103"/>
      <c r="BH45" s="103"/>
      <c r="BI45" s="103"/>
      <c r="BJ45" s="103"/>
      <c r="BK45" s="103"/>
      <c r="BL45" s="103"/>
      <c r="BM45" s="103"/>
      <c r="BN45" s="103"/>
      <c r="BO45" s="103"/>
      <c r="BP45" s="103"/>
      <c r="BQ45" s="103"/>
      <c r="BR45" s="103"/>
      <c r="BS45" s="103"/>
      <c r="BT45" s="103"/>
      <c r="BU45" s="103"/>
      <c r="BV45" s="103"/>
      <c r="BW45" s="103"/>
      <c r="BX45" s="103"/>
      <c r="BY45" s="103"/>
      <c r="BZ45" s="103"/>
      <c r="CA45" s="103"/>
      <c r="CB45" s="103"/>
      <c r="CC45" s="103"/>
      <c r="CD45" s="103"/>
      <c r="CE45" s="103"/>
      <c r="CF45" s="103"/>
      <c r="CG45" s="103"/>
      <c r="CH45" s="103"/>
      <c r="CI45" s="103"/>
      <c r="CJ45" s="103"/>
      <c r="CK45" s="103"/>
      <c r="CL45" s="103"/>
      <c r="CM45" s="103"/>
      <c r="CN45" s="103"/>
      <c r="CO45" s="103"/>
      <c r="CP45" s="103"/>
      <c r="CQ45" s="126"/>
      <c r="CR45" s="126"/>
      <c r="CS45" s="126"/>
      <c r="CT45" s="126"/>
      <c r="CU45" s="126"/>
      <c r="CV45" s="126"/>
      <c r="CW45" s="126"/>
      <c r="CX45" s="126"/>
      <c r="CY45" s="126"/>
      <c r="CZ45" s="126"/>
      <c r="DA45" s="126"/>
      <c r="DB45" s="126"/>
    </row>
    <row r="46" spans="1:106" s="157" customFormat="1" ht="26.25" customHeight="1" x14ac:dyDescent="0.25">
      <c r="A46" s="300"/>
      <c r="B46" s="300"/>
      <c r="C46" s="300"/>
      <c r="D46" s="300"/>
      <c r="E46" s="300"/>
      <c r="F46" s="149"/>
      <c r="G46" s="149"/>
      <c r="H46" s="149"/>
      <c r="I46" s="149"/>
      <c r="J46" s="149"/>
      <c r="K46" s="149"/>
      <c r="L46" s="149"/>
      <c r="M46" s="149"/>
      <c r="N46" s="149"/>
      <c r="O46" s="149"/>
      <c r="P46" s="149"/>
      <c r="Q46" s="149"/>
      <c r="R46" s="149"/>
      <c r="S46" s="149"/>
      <c r="T46" s="149"/>
      <c r="U46" s="149"/>
      <c r="V46" s="149"/>
      <c r="W46" s="149"/>
      <c r="X46" s="149"/>
      <c r="Y46" s="149"/>
      <c r="Z46" s="149"/>
      <c r="AA46" s="149"/>
      <c r="AB46" s="149"/>
      <c r="AC46" s="149"/>
      <c r="AD46" s="149"/>
      <c r="AE46" s="149"/>
      <c r="AF46" s="149"/>
      <c r="AG46" s="149"/>
      <c r="AH46" s="149"/>
      <c r="AI46" s="149"/>
      <c r="AJ46" s="149"/>
      <c r="AK46" s="149"/>
      <c r="AL46" s="149"/>
      <c r="AM46" s="150"/>
      <c r="AN46" s="150"/>
      <c r="AO46" s="150"/>
      <c r="AP46" s="150"/>
      <c r="AQ46" s="150"/>
      <c r="AR46" s="150"/>
      <c r="AS46" s="150"/>
      <c r="AT46" s="150"/>
      <c r="AU46" s="151"/>
      <c r="AV46" s="151"/>
      <c r="AW46" s="151"/>
      <c r="AX46" s="151"/>
      <c r="AY46" s="151"/>
      <c r="AZ46" s="151"/>
      <c r="BA46" s="151"/>
      <c r="BB46" s="151"/>
      <c r="BC46" s="151"/>
      <c r="BD46" s="151"/>
      <c r="BE46" s="151"/>
      <c r="BF46" s="151"/>
      <c r="BG46" s="151"/>
      <c r="BH46" s="151"/>
      <c r="BI46" s="151"/>
      <c r="BJ46" s="151"/>
      <c r="BK46" s="151"/>
      <c r="BL46" s="151"/>
      <c r="BM46" s="151"/>
      <c r="BN46" s="151"/>
      <c r="BO46" s="151"/>
      <c r="BP46" s="151"/>
      <c r="BQ46" s="151"/>
      <c r="BR46" s="151"/>
      <c r="BS46" s="151"/>
      <c r="BT46" s="151"/>
      <c r="BU46" s="151"/>
      <c r="BV46" s="151"/>
      <c r="BW46" s="151"/>
      <c r="BX46" s="151"/>
      <c r="BY46" s="151"/>
      <c r="BZ46" s="151"/>
      <c r="CA46" s="151"/>
      <c r="CB46" s="151"/>
      <c r="CC46" s="151"/>
      <c r="CD46" s="151"/>
      <c r="CE46" s="151"/>
      <c r="CF46" s="151"/>
      <c r="CG46" s="151"/>
      <c r="CH46" s="151"/>
      <c r="CI46" s="151"/>
      <c r="CJ46" s="151"/>
      <c r="CK46" s="151"/>
      <c r="CL46" s="151"/>
      <c r="CM46" s="151"/>
      <c r="CN46" s="163"/>
      <c r="CO46" s="163"/>
      <c r="CP46" s="163"/>
      <c r="CQ46" s="153"/>
      <c r="CR46" s="153"/>
      <c r="CS46" s="153"/>
      <c r="CT46" s="275"/>
      <c r="CU46" s="275"/>
      <c r="CV46" s="275"/>
      <c r="CW46" s="153"/>
      <c r="CX46" s="153"/>
      <c r="CY46" s="153"/>
      <c r="CZ46" s="275"/>
      <c r="DA46" s="275"/>
      <c r="DB46" s="275"/>
    </row>
    <row r="47" spans="1:106" s="157" customFormat="1" ht="26.25" customHeight="1" x14ac:dyDescent="0.25">
      <c r="A47" s="148" t="s">
        <v>111</v>
      </c>
      <c r="B47" s="148"/>
      <c r="C47" s="148"/>
      <c r="D47" s="148"/>
      <c r="E47" s="148"/>
      <c r="F47" s="148"/>
      <c r="G47" s="148"/>
      <c r="H47" s="148"/>
      <c r="I47" s="148"/>
      <c r="J47" s="148"/>
      <c r="K47" s="148"/>
      <c r="L47" s="148"/>
      <c r="M47" s="148"/>
      <c r="N47" s="148"/>
      <c r="O47" s="148"/>
      <c r="P47" s="148"/>
      <c r="Q47" s="148"/>
      <c r="R47" s="148"/>
      <c r="S47" s="148"/>
      <c r="T47" s="148"/>
      <c r="U47" s="148"/>
      <c r="V47" s="148"/>
      <c r="W47" s="148"/>
      <c r="X47" s="148"/>
      <c r="Y47" s="148"/>
      <c r="Z47" s="148"/>
      <c r="AA47" s="148"/>
      <c r="AB47" s="148"/>
      <c r="AC47" s="148"/>
      <c r="AD47" s="148"/>
      <c r="AE47" s="148"/>
      <c r="AF47" s="148"/>
      <c r="AG47" s="148"/>
      <c r="AH47" s="148"/>
      <c r="AI47" s="148"/>
      <c r="AJ47" s="148"/>
      <c r="AK47" s="148"/>
      <c r="AL47" s="148"/>
      <c r="AM47" s="148"/>
      <c r="AN47" s="148"/>
      <c r="AO47" s="148"/>
      <c r="AP47" s="148"/>
      <c r="AQ47" s="148"/>
      <c r="AR47" s="148"/>
      <c r="AS47" s="148"/>
      <c r="AT47" s="148"/>
      <c r="AU47" s="148"/>
      <c r="AV47" s="148"/>
      <c r="AW47" s="148"/>
      <c r="AX47" s="148"/>
      <c r="AY47" s="148"/>
      <c r="AZ47" s="148"/>
      <c r="BA47" s="148"/>
      <c r="BB47" s="148"/>
      <c r="BC47" s="148"/>
      <c r="BD47" s="148"/>
      <c r="BE47" s="148"/>
      <c r="BF47" s="148"/>
      <c r="BG47" s="148"/>
      <c r="BH47" s="151"/>
      <c r="BI47" s="151"/>
      <c r="BJ47" s="151"/>
      <c r="BK47" s="151"/>
      <c r="BL47" s="151"/>
      <c r="BM47" s="151"/>
      <c r="BN47" s="151"/>
      <c r="BO47" s="151"/>
      <c r="BP47" s="151"/>
      <c r="BQ47" s="151"/>
      <c r="BR47" s="151"/>
      <c r="BS47" s="151"/>
      <c r="BT47" s="151"/>
      <c r="BU47" s="151"/>
      <c r="BV47" s="151"/>
      <c r="BW47" s="151"/>
      <c r="BX47" s="151"/>
      <c r="BY47" s="151"/>
      <c r="BZ47" s="151"/>
      <c r="CA47" s="151"/>
      <c r="CB47" s="151"/>
      <c r="CC47" s="151"/>
      <c r="CD47" s="151"/>
      <c r="CE47" s="151"/>
      <c r="CF47" s="151"/>
      <c r="CG47" s="151"/>
      <c r="CH47" s="151"/>
      <c r="CI47" s="151"/>
      <c r="CJ47" s="151"/>
      <c r="CK47" s="151"/>
      <c r="CL47" s="151"/>
      <c r="CM47" s="151"/>
      <c r="CN47" s="163"/>
      <c r="CO47" s="163"/>
      <c r="CP47" s="163"/>
      <c r="CQ47" s="153"/>
      <c r="CR47" s="153"/>
      <c r="CS47" s="153"/>
      <c r="CT47" s="275"/>
      <c r="CU47" s="275"/>
      <c r="CV47" s="275"/>
      <c r="CW47" s="153"/>
      <c r="CX47" s="153"/>
      <c r="CY47" s="153"/>
      <c r="CZ47" s="275"/>
      <c r="DA47" s="275"/>
      <c r="DB47" s="275"/>
    </row>
    <row r="48" spans="1:106" s="300" customFormat="1" ht="26.25" customHeight="1" x14ac:dyDescent="0.2">
      <c r="A48" s="148"/>
      <c r="B48" s="148"/>
      <c r="C48" s="148"/>
      <c r="D48" s="148"/>
      <c r="E48" s="148"/>
      <c r="F48" s="148"/>
      <c r="G48" s="148"/>
      <c r="H48" s="148"/>
      <c r="I48" s="148"/>
      <c r="J48" s="148"/>
      <c r="K48" s="148"/>
      <c r="L48" s="148"/>
      <c r="M48" s="148"/>
      <c r="N48" s="148"/>
      <c r="O48" s="148"/>
      <c r="P48" s="148"/>
      <c r="Q48" s="148"/>
      <c r="R48" s="148"/>
      <c r="S48" s="148"/>
      <c r="T48" s="148"/>
      <c r="U48" s="148"/>
      <c r="V48" s="148"/>
      <c r="W48" s="148"/>
      <c r="X48" s="148"/>
      <c r="Y48" s="148"/>
      <c r="Z48" s="148"/>
      <c r="AA48" s="148"/>
      <c r="AB48" s="148"/>
      <c r="AC48" s="148"/>
      <c r="AD48" s="148"/>
      <c r="AE48" s="148"/>
      <c r="AF48" s="148"/>
      <c r="AG48" s="148"/>
      <c r="AH48" s="148"/>
      <c r="AI48" s="148"/>
      <c r="AJ48" s="148"/>
      <c r="AK48" s="148"/>
      <c r="AL48" s="148"/>
      <c r="AM48" s="148"/>
      <c r="AN48" s="148"/>
      <c r="AO48" s="148"/>
      <c r="AP48" s="148"/>
      <c r="AQ48" s="148"/>
      <c r="AR48" s="148"/>
      <c r="AS48" s="148"/>
      <c r="AT48" s="148"/>
      <c r="AU48" s="148"/>
      <c r="AV48" s="148"/>
      <c r="AW48" s="148"/>
      <c r="AX48" s="148"/>
      <c r="AY48" s="148"/>
      <c r="AZ48" s="148"/>
      <c r="BA48" s="148"/>
      <c r="BB48" s="148"/>
      <c r="BC48" s="148"/>
      <c r="BD48" s="148"/>
      <c r="BE48" s="148"/>
      <c r="BF48" s="148"/>
      <c r="BG48" s="148"/>
      <c r="BH48" s="148"/>
      <c r="BI48" s="148"/>
      <c r="BJ48" s="148"/>
      <c r="BK48" s="148"/>
      <c r="BL48" s="148"/>
      <c r="BM48" s="148"/>
      <c r="BN48" s="148"/>
      <c r="BO48" s="148"/>
      <c r="BP48" s="148"/>
      <c r="BQ48" s="148"/>
      <c r="BR48" s="148"/>
      <c r="BS48" s="148"/>
      <c r="BT48" s="148"/>
      <c r="BU48" s="148"/>
      <c r="BV48" s="148"/>
      <c r="BW48" s="148"/>
      <c r="BX48" s="148"/>
      <c r="BY48" s="148"/>
      <c r="BZ48" s="148"/>
      <c r="CA48" s="148"/>
      <c r="CB48" s="148"/>
      <c r="CC48" s="148"/>
      <c r="CD48" s="148"/>
      <c r="CE48" s="148"/>
      <c r="CF48" s="148"/>
      <c r="CG48" s="148"/>
      <c r="CH48" s="148"/>
      <c r="CI48" s="148"/>
      <c r="CJ48" s="148"/>
      <c r="CK48" s="148"/>
      <c r="CL48" s="148"/>
      <c r="CM48" s="148"/>
      <c r="CN48" s="148"/>
      <c r="CO48" s="148"/>
      <c r="CP48" s="148"/>
      <c r="CQ48" s="148"/>
      <c r="CR48" s="148"/>
      <c r="CS48" s="148"/>
      <c r="CT48" s="148"/>
      <c r="CU48" s="148"/>
      <c r="CV48" s="148"/>
      <c r="CW48" s="148"/>
      <c r="CX48" s="148"/>
      <c r="CY48" s="148"/>
      <c r="CZ48" s="148"/>
      <c r="DA48" s="148"/>
    </row>
    <row r="49" spans="1:105" s="300" customFormat="1" ht="26.25" customHeight="1" x14ac:dyDescent="0.25">
      <c r="A49" s="160" t="s">
        <v>240</v>
      </c>
      <c r="B49" s="160"/>
      <c r="C49" s="160"/>
      <c r="D49" s="160"/>
      <c r="E49" s="160"/>
      <c r="F49" s="160"/>
      <c r="G49" s="160"/>
      <c r="H49" s="160"/>
      <c r="I49" s="160"/>
      <c r="J49" s="160"/>
      <c r="K49" s="160"/>
      <c r="L49" s="160"/>
      <c r="M49" s="160"/>
      <c r="N49" s="160"/>
      <c r="O49" s="160"/>
      <c r="P49" s="160"/>
      <c r="Q49" s="160"/>
      <c r="R49" s="160"/>
      <c r="S49" s="160"/>
      <c r="T49" s="160"/>
      <c r="U49" s="160"/>
      <c r="V49" s="160"/>
      <c r="W49" s="160"/>
      <c r="X49" s="160"/>
      <c r="Y49" s="160"/>
      <c r="Z49" s="160"/>
      <c r="AA49" s="160"/>
      <c r="AB49" s="160"/>
      <c r="AC49" s="160"/>
      <c r="AD49" s="160"/>
      <c r="AE49" s="160"/>
      <c r="AF49" s="160"/>
      <c r="AG49" s="160"/>
      <c r="AH49" s="160"/>
      <c r="AI49" s="160"/>
      <c r="AJ49" s="160"/>
      <c r="AK49" s="160"/>
      <c r="AL49" s="160"/>
      <c r="AM49" s="160"/>
      <c r="AN49" s="161"/>
      <c r="AO49" s="161"/>
      <c r="AP49" s="161"/>
      <c r="AQ49" s="161"/>
      <c r="AR49" s="161"/>
      <c r="AS49" s="162"/>
      <c r="AT49" s="162"/>
      <c r="AU49" s="162"/>
      <c r="AV49" s="162"/>
      <c r="AW49" s="162"/>
      <c r="AX49" s="162"/>
      <c r="AY49" s="162"/>
      <c r="AZ49" s="162"/>
      <c r="BA49" s="162"/>
      <c r="BB49" s="162"/>
      <c r="BC49" s="162"/>
      <c r="BD49" s="162"/>
      <c r="BE49" s="162"/>
      <c r="BF49" s="162"/>
      <c r="BG49" s="162"/>
      <c r="BH49" s="148"/>
      <c r="BI49" s="148"/>
      <c r="BJ49" s="148"/>
      <c r="BK49" s="148"/>
      <c r="BL49" s="148"/>
      <c r="BM49" s="148"/>
      <c r="BN49" s="148"/>
      <c r="BO49" s="148"/>
      <c r="BP49" s="148"/>
      <c r="BQ49" s="148"/>
      <c r="BR49" s="148"/>
      <c r="BS49" s="148"/>
      <c r="BT49" s="148"/>
      <c r="BU49" s="148"/>
      <c r="BV49" s="148"/>
      <c r="BW49" s="148"/>
      <c r="BX49" s="148"/>
      <c r="BY49" s="148"/>
      <c r="BZ49" s="148"/>
      <c r="CA49" s="148"/>
      <c r="CB49" s="148"/>
      <c r="CC49" s="148"/>
      <c r="CD49" s="148"/>
      <c r="CE49" s="148"/>
      <c r="CF49" s="148"/>
      <c r="CG49" s="148"/>
      <c r="CH49" s="148"/>
      <c r="CI49" s="148"/>
      <c r="CJ49" s="148"/>
      <c r="CK49" s="148"/>
      <c r="CL49" s="148"/>
      <c r="CM49" s="148"/>
      <c r="CN49" s="148"/>
      <c r="CO49" s="148"/>
      <c r="CP49" s="148"/>
      <c r="CQ49" s="148"/>
      <c r="CR49" s="148"/>
      <c r="CS49" s="148"/>
      <c r="CT49" s="148"/>
      <c r="CU49" s="148"/>
      <c r="CV49" s="148"/>
      <c r="CW49" s="148"/>
      <c r="CX49" s="148"/>
      <c r="CY49" s="148"/>
      <c r="CZ49" s="148"/>
      <c r="DA49" s="148"/>
    </row>
    <row r="50" spans="1:105" s="300" customFormat="1" ht="26.25" customHeight="1" x14ac:dyDescent="0.2">
      <c r="A50" s="691" t="s">
        <v>250</v>
      </c>
      <c r="B50" s="691"/>
      <c r="C50" s="691"/>
      <c r="D50" s="690" t="s">
        <v>239</v>
      </c>
      <c r="E50" s="690"/>
      <c r="F50" s="690"/>
      <c r="G50" s="690"/>
      <c r="H50" s="690"/>
      <c r="I50" s="690"/>
      <c r="J50" s="690"/>
      <c r="K50" s="690"/>
      <c r="L50" s="690"/>
      <c r="M50" s="690"/>
      <c r="N50" s="690"/>
      <c r="O50" s="690"/>
      <c r="P50" s="690"/>
      <c r="Q50" s="690"/>
      <c r="R50" s="690"/>
      <c r="S50" s="690"/>
      <c r="T50" s="690"/>
      <c r="U50" s="690"/>
      <c r="V50" s="690"/>
      <c r="W50" s="690"/>
      <c r="X50" s="690"/>
      <c r="Y50" s="690"/>
      <c r="Z50" s="690"/>
      <c r="AA50" s="690"/>
      <c r="AB50" s="690"/>
      <c r="AC50" s="690"/>
      <c r="AD50" s="690"/>
      <c r="AE50" s="690"/>
      <c r="AF50" s="690"/>
      <c r="AG50" s="690"/>
      <c r="AH50" s="690"/>
      <c r="AI50" s="690"/>
      <c r="AJ50" s="690"/>
      <c r="AK50" s="690"/>
      <c r="AL50" s="690"/>
      <c r="AM50" s="690"/>
      <c r="AN50" s="690"/>
      <c r="AO50" s="690"/>
      <c r="AP50" s="690"/>
      <c r="AQ50" s="690"/>
      <c r="AR50" s="690"/>
      <c r="AS50" s="690"/>
      <c r="AT50" s="690"/>
      <c r="AU50" s="690"/>
      <c r="AV50" s="690"/>
      <c r="AW50" s="690"/>
      <c r="AX50" s="690"/>
      <c r="AY50" s="690"/>
      <c r="AZ50" s="690"/>
      <c r="BA50" s="690"/>
      <c r="BB50" s="690"/>
      <c r="BC50" s="690"/>
      <c r="BD50" s="690"/>
      <c r="BE50" s="690"/>
      <c r="BF50" s="690"/>
      <c r="BG50" s="690"/>
      <c r="BH50" s="690"/>
      <c r="BI50" s="690"/>
      <c r="BJ50" s="690"/>
      <c r="BK50" s="690"/>
      <c r="BL50" s="690"/>
      <c r="BM50" s="690"/>
      <c r="BN50" s="690"/>
      <c r="BO50" s="690"/>
      <c r="BP50" s="690"/>
      <c r="BQ50" s="690"/>
      <c r="BR50" s="690"/>
      <c r="BS50" s="690"/>
      <c r="BT50" s="690"/>
      <c r="BU50" s="690"/>
      <c r="BV50" s="690"/>
      <c r="BW50" s="690"/>
      <c r="BX50" s="690"/>
      <c r="BY50" s="690"/>
      <c r="BZ50" s="690"/>
      <c r="CA50" s="690"/>
      <c r="CB50" s="690"/>
      <c r="CC50" s="690"/>
      <c r="CD50" s="690"/>
      <c r="CE50" s="690"/>
      <c r="CF50" s="690"/>
      <c r="CG50" s="690"/>
      <c r="CH50" s="690"/>
      <c r="CI50" s="690"/>
      <c r="CJ50" s="690"/>
      <c r="CK50" s="690"/>
      <c r="CL50" s="690"/>
      <c r="CM50" s="690"/>
      <c r="CN50" s="690"/>
      <c r="CO50" s="690"/>
      <c r="CP50" s="690"/>
      <c r="CQ50" s="690"/>
      <c r="CR50" s="690"/>
      <c r="CS50" s="690"/>
      <c r="CT50" s="690"/>
      <c r="CU50" s="690"/>
      <c r="CV50" s="690"/>
      <c r="CW50" s="690"/>
      <c r="CX50" s="690"/>
      <c r="CY50" s="690"/>
      <c r="CZ50" s="690"/>
      <c r="DA50" s="690"/>
    </row>
    <row r="51" spans="1:105" s="300" customFormat="1" ht="81.75" customHeight="1" x14ac:dyDescent="0.2">
      <c r="A51" s="691" t="s">
        <v>238</v>
      </c>
      <c r="B51" s="691"/>
      <c r="C51" s="691"/>
      <c r="D51" s="672" t="s">
        <v>257</v>
      </c>
      <c r="E51" s="690"/>
      <c r="F51" s="690"/>
      <c r="G51" s="690"/>
      <c r="H51" s="690"/>
      <c r="I51" s="690"/>
      <c r="J51" s="690"/>
      <c r="K51" s="690"/>
      <c r="L51" s="690"/>
      <c r="M51" s="690"/>
      <c r="N51" s="690"/>
      <c r="O51" s="690"/>
      <c r="P51" s="690"/>
      <c r="Q51" s="690"/>
      <c r="R51" s="690"/>
      <c r="S51" s="690"/>
      <c r="T51" s="690"/>
      <c r="U51" s="690"/>
      <c r="V51" s="690"/>
      <c r="W51" s="690"/>
      <c r="X51" s="690"/>
      <c r="Y51" s="690"/>
      <c r="Z51" s="690"/>
      <c r="AA51" s="690"/>
      <c r="AB51" s="690"/>
      <c r="AC51" s="690"/>
      <c r="AD51" s="690"/>
      <c r="AE51" s="690"/>
      <c r="AF51" s="690"/>
      <c r="AG51" s="690"/>
      <c r="AH51" s="690"/>
      <c r="AI51" s="690"/>
      <c r="AJ51" s="690"/>
      <c r="AK51" s="690"/>
      <c r="AL51" s="690"/>
      <c r="AM51" s="690"/>
      <c r="AN51" s="690"/>
      <c r="AO51" s="690"/>
      <c r="AP51" s="690"/>
      <c r="AQ51" s="690"/>
      <c r="AR51" s="690"/>
      <c r="AS51" s="690"/>
      <c r="AT51" s="690"/>
      <c r="AU51" s="690"/>
      <c r="AV51" s="690"/>
      <c r="AW51" s="690"/>
      <c r="AX51" s="690"/>
      <c r="AY51" s="690"/>
      <c r="AZ51" s="690"/>
      <c r="BA51" s="690"/>
      <c r="BB51" s="690"/>
      <c r="BC51" s="690"/>
      <c r="BD51" s="690"/>
      <c r="BE51" s="690"/>
      <c r="BF51" s="690"/>
      <c r="BG51" s="690"/>
      <c r="BH51" s="690"/>
      <c r="BI51" s="690"/>
      <c r="BJ51" s="690"/>
      <c r="BK51" s="690"/>
      <c r="BL51" s="690"/>
      <c r="BM51" s="690"/>
      <c r="BN51" s="690"/>
      <c r="BO51" s="690"/>
      <c r="BP51" s="690"/>
      <c r="BQ51" s="690"/>
      <c r="BR51" s="690"/>
      <c r="BS51" s="690"/>
      <c r="BT51" s="690"/>
      <c r="BU51" s="690"/>
      <c r="BV51" s="690"/>
      <c r="BW51" s="690"/>
      <c r="BX51" s="690"/>
      <c r="BY51" s="690"/>
      <c r="BZ51" s="690"/>
      <c r="CA51" s="690"/>
      <c r="CB51" s="690"/>
      <c r="CC51" s="690"/>
      <c r="CD51" s="690"/>
      <c r="CE51" s="690"/>
      <c r="CF51" s="690"/>
      <c r="CG51" s="690"/>
      <c r="CH51" s="690"/>
      <c r="CI51" s="690"/>
      <c r="CJ51" s="690"/>
      <c r="CK51" s="690"/>
      <c r="CL51" s="690"/>
      <c r="CM51" s="690"/>
      <c r="CN51" s="690"/>
      <c r="CO51" s="690"/>
      <c r="CP51" s="690"/>
      <c r="CQ51" s="690"/>
      <c r="CR51" s="690"/>
      <c r="CS51" s="690"/>
      <c r="CT51" s="690"/>
      <c r="CU51" s="690"/>
      <c r="CV51" s="690"/>
      <c r="CW51" s="690"/>
      <c r="CX51" s="690"/>
      <c r="CY51" s="690"/>
      <c r="CZ51" s="690"/>
      <c r="DA51" s="690"/>
    </row>
    <row r="52" spans="1:105" s="300" customFormat="1" ht="23.25" customHeight="1" x14ac:dyDescent="0.2">
      <c r="A52" s="691" t="s">
        <v>260</v>
      </c>
      <c r="B52" s="691"/>
      <c r="C52" s="691"/>
      <c r="D52" s="672" t="s">
        <v>261</v>
      </c>
      <c r="E52" s="690"/>
      <c r="F52" s="690"/>
      <c r="G52" s="690"/>
      <c r="H52" s="690"/>
      <c r="I52" s="690"/>
      <c r="J52" s="690"/>
      <c r="K52" s="690"/>
      <c r="L52" s="690"/>
      <c r="M52" s="690"/>
      <c r="N52" s="690"/>
      <c r="O52" s="690"/>
      <c r="P52" s="690"/>
      <c r="Q52" s="690"/>
      <c r="R52" s="690"/>
      <c r="S52" s="690"/>
      <c r="T52" s="690"/>
      <c r="U52" s="690"/>
      <c r="V52" s="690"/>
      <c r="W52" s="690"/>
      <c r="X52" s="690"/>
      <c r="Y52" s="690"/>
      <c r="Z52" s="690"/>
      <c r="AA52" s="690"/>
      <c r="AB52" s="690"/>
      <c r="AC52" s="690"/>
      <c r="AD52" s="690"/>
      <c r="AE52" s="690"/>
      <c r="AF52" s="690"/>
      <c r="AG52" s="690"/>
      <c r="AH52" s="690"/>
      <c r="AI52" s="690"/>
      <c r="AJ52" s="690"/>
      <c r="AK52" s="690"/>
      <c r="AL52" s="690"/>
      <c r="AM52" s="690"/>
      <c r="AN52" s="690"/>
      <c r="AO52" s="690"/>
      <c r="AP52" s="690"/>
      <c r="AQ52" s="690"/>
      <c r="AR52" s="690"/>
      <c r="AS52" s="690"/>
      <c r="AT52" s="690"/>
      <c r="AU52" s="690"/>
      <c r="AV52" s="690"/>
      <c r="AW52" s="690"/>
      <c r="AX52" s="690"/>
      <c r="AY52" s="690"/>
      <c r="AZ52" s="690"/>
      <c r="BA52" s="690"/>
      <c r="BB52" s="690"/>
      <c r="BC52" s="690"/>
      <c r="BD52" s="690"/>
      <c r="BE52" s="690"/>
      <c r="BF52" s="690"/>
      <c r="BG52" s="690"/>
      <c r="BH52" s="690"/>
      <c r="BI52" s="690"/>
      <c r="BJ52" s="690"/>
      <c r="BK52" s="690"/>
      <c r="BL52" s="690"/>
      <c r="BM52" s="690"/>
      <c r="BN52" s="690"/>
      <c r="BO52" s="690"/>
      <c r="BP52" s="690"/>
      <c r="BQ52" s="690"/>
      <c r="BR52" s="690"/>
      <c r="BS52" s="690"/>
      <c r="BT52" s="690"/>
      <c r="BU52" s="690"/>
      <c r="BV52" s="690"/>
      <c r="BW52" s="690"/>
      <c r="BX52" s="690"/>
      <c r="BY52" s="690"/>
      <c r="BZ52" s="690"/>
      <c r="CA52" s="690"/>
      <c r="CB52" s="690"/>
      <c r="CC52" s="690"/>
      <c r="CD52" s="690"/>
      <c r="CE52" s="690"/>
      <c r="CF52" s="690"/>
      <c r="CG52" s="690"/>
      <c r="CH52" s="690"/>
      <c r="CI52" s="690"/>
      <c r="CJ52" s="690"/>
      <c r="CK52" s="690"/>
      <c r="CL52" s="690"/>
      <c r="CM52" s="690"/>
      <c r="CN52" s="690"/>
      <c r="CO52" s="690"/>
      <c r="CP52" s="690"/>
      <c r="CQ52" s="690"/>
      <c r="CR52" s="690"/>
      <c r="CS52" s="690"/>
      <c r="CT52" s="690"/>
      <c r="CU52" s="690"/>
      <c r="CV52" s="690"/>
      <c r="CW52" s="690"/>
      <c r="CX52" s="690"/>
      <c r="CY52" s="690"/>
      <c r="CZ52" s="690"/>
      <c r="DA52" s="690"/>
    </row>
    <row r="53" spans="1:105" s="162" customFormat="1" ht="26.25" customHeight="1" x14ac:dyDescent="0.25">
      <c r="B53" s="691"/>
      <c r="C53" s="691"/>
      <c r="D53" s="691"/>
    </row>
    <row r="54" spans="1:105" s="300" customFormat="1" ht="26.25" customHeight="1" x14ac:dyDescent="0.2">
      <c r="A54" s="296" t="s">
        <v>0</v>
      </c>
      <c r="B54" s="296"/>
      <c r="C54" s="296"/>
      <c r="D54" s="164"/>
      <c r="E54" s="164"/>
      <c r="F54" s="164"/>
      <c r="G54" s="164"/>
      <c r="H54" s="164"/>
      <c r="I54" s="164"/>
      <c r="J54" s="164"/>
      <c r="K54" s="164"/>
      <c r="L54" s="164"/>
      <c r="M54" s="164"/>
      <c r="N54" s="164"/>
      <c r="O54" s="164"/>
      <c r="P54" s="164"/>
      <c r="Q54" s="164"/>
      <c r="R54" s="164"/>
      <c r="S54" s="164"/>
      <c r="T54" s="164"/>
      <c r="U54" s="164"/>
      <c r="V54" s="164"/>
      <c r="W54" s="164"/>
      <c r="X54" s="164"/>
      <c r="Y54" s="164"/>
      <c r="Z54" s="164"/>
      <c r="AA54" s="164"/>
      <c r="AB54" s="164"/>
      <c r="AC54" s="164"/>
      <c r="AD54" s="164"/>
      <c r="AE54" s="164"/>
      <c r="AF54" s="164"/>
      <c r="AG54" s="164"/>
      <c r="AH54" s="164"/>
      <c r="AI54" s="164"/>
      <c r="AJ54" s="164"/>
      <c r="AK54" s="164"/>
      <c r="AL54" s="164"/>
      <c r="AM54" s="164"/>
      <c r="AN54" s="164"/>
      <c r="AO54" s="164"/>
      <c r="AP54" s="164"/>
      <c r="AQ54" s="164"/>
      <c r="AR54" s="164"/>
      <c r="AS54" s="164"/>
      <c r="AT54" s="164"/>
      <c r="AU54" s="164"/>
      <c r="AV54" s="164"/>
      <c r="AW54" s="164"/>
      <c r="AX54" s="164"/>
      <c r="AY54" s="164"/>
      <c r="AZ54" s="164"/>
      <c r="BA54" s="164"/>
      <c r="BB54" s="164"/>
      <c r="BC54" s="164"/>
      <c r="BD54" s="164"/>
      <c r="BE54" s="164"/>
      <c r="BF54" s="164"/>
      <c r="BG54" s="164"/>
      <c r="BH54" s="164"/>
      <c r="BI54" s="164"/>
      <c r="BJ54" s="164"/>
      <c r="BK54" s="164"/>
      <c r="BL54" s="164"/>
      <c r="BM54" s="164"/>
      <c r="BN54" s="164"/>
      <c r="BO54" s="164"/>
      <c r="BP54" s="164"/>
      <c r="BQ54" s="164"/>
      <c r="BR54" s="164"/>
      <c r="BS54" s="164"/>
      <c r="BT54" s="164"/>
      <c r="BU54" s="164"/>
      <c r="BV54" s="164"/>
      <c r="BW54" s="164"/>
      <c r="BX54" s="164"/>
      <c r="BY54" s="164"/>
      <c r="BZ54" s="164"/>
      <c r="CA54" s="164"/>
      <c r="CB54" s="164"/>
      <c r="CC54" s="164"/>
      <c r="CD54" s="164"/>
      <c r="CE54" s="164"/>
      <c r="CF54" s="164"/>
      <c r="CG54" s="164"/>
      <c r="CH54" s="164"/>
      <c r="CI54" s="164"/>
      <c r="CJ54" s="164"/>
      <c r="CK54" s="164"/>
      <c r="CL54" s="164"/>
      <c r="CM54" s="164"/>
      <c r="CN54" s="164"/>
      <c r="CO54" s="164"/>
      <c r="CP54" s="164"/>
      <c r="CQ54" s="164"/>
      <c r="CR54" s="164"/>
      <c r="CS54" s="164"/>
      <c r="CT54" s="164"/>
      <c r="CU54" s="164"/>
      <c r="CV54" s="164"/>
      <c r="CW54" s="164"/>
      <c r="CX54" s="164"/>
      <c r="CY54" s="164"/>
      <c r="CZ54" s="164"/>
      <c r="DA54" s="164"/>
    </row>
    <row r="55" spans="1:105" s="162" customFormat="1" ht="27" customHeight="1" x14ac:dyDescent="0.25">
      <c r="A55" s="691" t="s">
        <v>250</v>
      </c>
      <c r="B55" s="691"/>
      <c r="C55" s="691"/>
      <c r="D55" s="672" t="s">
        <v>1</v>
      </c>
      <c r="E55" s="672"/>
      <c r="F55" s="672"/>
      <c r="G55" s="672"/>
      <c r="H55" s="672"/>
      <c r="I55" s="672"/>
      <c r="J55" s="672"/>
      <c r="K55" s="672"/>
      <c r="L55" s="672"/>
      <c r="M55" s="672"/>
      <c r="N55" s="672"/>
      <c r="O55" s="672"/>
      <c r="P55" s="672"/>
      <c r="Q55" s="672"/>
      <c r="R55" s="672"/>
      <c r="S55" s="672"/>
      <c r="T55" s="672"/>
      <c r="U55" s="672"/>
      <c r="V55" s="672"/>
      <c r="W55" s="672"/>
      <c r="X55" s="672"/>
      <c r="Y55" s="672"/>
      <c r="Z55" s="672"/>
      <c r="AA55" s="672"/>
      <c r="AB55" s="672"/>
      <c r="AC55" s="672"/>
      <c r="AD55" s="672"/>
      <c r="AE55" s="672"/>
      <c r="AF55" s="672"/>
      <c r="AG55" s="672"/>
      <c r="AH55" s="672"/>
      <c r="AI55" s="672"/>
      <c r="AJ55" s="672"/>
      <c r="AK55" s="672"/>
      <c r="AL55" s="672"/>
      <c r="AM55" s="672"/>
      <c r="AN55" s="672"/>
      <c r="AO55" s="672"/>
      <c r="AP55" s="672"/>
      <c r="AQ55" s="672"/>
      <c r="AR55" s="672"/>
      <c r="AS55" s="672"/>
      <c r="AT55" s="672"/>
      <c r="AU55" s="672"/>
      <c r="AV55" s="672"/>
      <c r="AW55" s="672"/>
      <c r="AX55" s="672"/>
      <c r="AY55" s="672"/>
      <c r="AZ55" s="672"/>
      <c r="BA55" s="672"/>
      <c r="BB55" s="672"/>
      <c r="BC55" s="672"/>
      <c r="BD55" s="672"/>
      <c r="BE55" s="672"/>
      <c r="BF55" s="672"/>
      <c r="BG55" s="672"/>
      <c r="BH55" s="672"/>
      <c r="BI55" s="672"/>
      <c r="BJ55" s="672"/>
      <c r="BK55" s="672"/>
      <c r="BL55" s="672"/>
      <c r="BM55" s="672"/>
      <c r="BN55" s="672"/>
      <c r="BO55" s="672"/>
      <c r="BP55" s="672"/>
      <c r="BQ55" s="672"/>
      <c r="BR55" s="672"/>
      <c r="BS55" s="672"/>
      <c r="BT55" s="672"/>
      <c r="BU55" s="672"/>
      <c r="BV55" s="672"/>
      <c r="BW55" s="672"/>
      <c r="BX55" s="672"/>
      <c r="BY55" s="672"/>
      <c r="BZ55" s="672"/>
      <c r="CA55" s="672"/>
      <c r="CB55" s="672"/>
      <c r="CC55" s="672"/>
      <c r="CD55" s="672"/>
      <c r="CE55" s="672"/>
      <c r="CF55" s="672"/>
      <c r="CG55" s="672"/>
      <c r="CH55" s="672"/>
      <c r="CI55" s="672"/>
      <c r="CJ55" s="672"/>
      <c r="CK55" s="672"/>
      <c r="CL55" s="672"/>
      <c r="CM55" s="672"/>
      <c r="CN55" s="672"/>
      <c r="CO55" s="672"/>
      <c r="CP55" s="672"/>
      <c r="CQ55" s="672"/>
      <c r="CR55" s="672"/>
      <c r="CS55" s="672"/>
      <c r="CT55" s="672"/>
      <c r="CU55" s="672"/>
      <c r="CV55" s="672"/>
      <c r="CW55" s="672"/>
      <c r="CX55" s="672"/>
      <c r="CY55" s="672"/>
      <c r="CZ55" s="672"/>
      <c r="DA55" s="672"/>
    </row>
    <row r="56" spans="1:105" s="162" customFormat="1" ht="111.75" customHeight="1" x14ac:dyDescent="0.25">
      <c r="A56" s="691" t="s">
        <v>238</v>
      </c>
      <c r="B56" s="691"/>
      <c r="C56" s="691"/>
      <c r="D56" s="672" t="s">
        <v>258</v>
      </c>
      <c r="E56" s="690"/>
      <c r="F56" s="690"/>
      <c r="G56" s="690"/>
      <c r="H56" s="690"/>
      <c r="I56" s="690"/>
      <c r="J56" s="690"/>
      <c r="K56" s="690"/>
      <c r="L56" s="690"/>
      <c r="M56" s="690"/>
      <c r="N56" s="690"/>
      <c r="O56" s="690"/>
      <c r="P56" s="690"/>
      <c r="Q56" s="690"/>
      <c r="R56" s="690"/>
      <c r="S56" s="690"/>
      <c r="T56" s="690"/>
      <c r="U56" s="690"/>
      <c r="V56" s="690"/>
      <c r="W56" s="690"/>
      <c r="X56" s="690"/>
      <c r="Y56" s="690"/>
      <c r="Z56" s="690"/>
      <c r="AA56" s="690"/>
      <c r="AB56" s="690"/>
      <c r="AC56" s="690"/>
      <c r="AD56" s="690"/>
      <c r="AE56" s="690"/>
      <c r="AF56" s="690"/>
      <c r="AG56" s="690"/>
      <c r="AH56" s="690"/>
      <c r="AI56" s="690"/>
      <c r="AJ56" s="690"/>
      <c r="AK56" s="690"/>
      <c r="AL56" s="690"/>
      <c r="AM56" s="690"/>
      <c r="AN56" s="690"/>
      <c r="AO56" s="690"/>
      <c r="AP56" s="690"/>
      <c r="AQ56" s="690"/>
      <c r="AR56" s="690"/>
      <c r="AS56" s="690"/>
      <c r="AT56" s="690"/>
      <c r="AU56" s="690"/>
      <c r="AV56" s="690"/>
      <c r="AW56" s="690"/>
      <c r="AX56" s="690"/>
      <c r="AY56" s="690"/>
      <c r="AZ56" s="690"/>
      <c r="BA56" s="690"/>
      <c r="BB56" s="690"/>
      <c r="BC56" s="690"/>
      <c r="BD56" s="690"/>
      <c r="BE56" s="690"/>
      <c r="BF56" s="690"/>
      <c r="BG56" s="690"/>
      <c r="BH56" s="690"/>
      <c r="BI56" s="690"/>
      <c r="BJ56" s="690"/>
      <c r="BK56" s="690"/>
      <c r="BL56" s="690"/>
      <c r="BM56" s="690"/>
      <c r="BN56" s="690"/>
      <c r="BO56" s="690"/>
      <c r="BP56" s="690"/>
      <c r="BQ56" s="690"/>
      <c r="BR56" s="690"/>
      <c r="BS56" s="690"/>
      <c r="BT56" s="690"/>
      <c r="BU56" s="690"/>
      <c r="BV56" s="690"/>
      <c r="BW56" s="690"/>
      <c r="BX56" s="690"/>
      <c r="BY56" s="690"/>
      <c r="BZ56" s="690"/>
      <c r="CA56" s="690"/>
      <c r="CB56" s="690"/>
      <c r="CC56" s="690"/>
      <c r="CD56" s="690"/>
      <c r="CE56" s="690"/>
      <c r="CF56" s="690"/>
      <c r="CG56" s="690"/>
      <c r="CH56" s="690"/>
      <c r="CI56" s="690"/>
      <c r="CJ56" s="690"/>
      <c r="CK56" s="690"/>
      <c r="CL56" s="690"/>
      <c r="CM56" s="690"/>
      <c r="CN56" s="690"/>
      <c r="CO56" s="690"/>
      <c r="CP56" s="690"/>
      <c r="CQ56" s="690"/>
      <c r="CR56" s="690"/>
      <c r="CS56" s="690"/>
      <c r="CT56" s="690"/>
      <c r="CU56" s="690"/>
      <c r="CV56" s="690"/>
      <c r="CW56" s="690"/>
      <c r="CX56" s="690"/>
      <c r="CY56" s="690"/>
      <c r="CZ56" s="690"/>
      <c r="DA56" s="690"/>
    </row>
    <row r="57" spans="1:105" s="162" customFormat="1" ht="26.25" customHeight="1" x14ac:dyDescent="0.25">
      <c r="A57" s="691"/>
      <c r="B57" s="691"/>
      <c r="C57" s="691"/>
      <c r="D57" s="160"/>
      <c r="E57" s="160"/>
      <c r="F57" s="160"/>
      <c r="G57" s="160"/>
      <c r="H57" s="160"/>
      <c r="I57" s="160"/>
      <c r="J57" s="160"/>
      <c r="K57" s="160"/>
      <c r="L57" s="160"/>
      <c r="M57" s="160"/>
      <c r="N57" s="160"/>
      <c r="O57" s="160"/>
      <c r="P57" s="160"/>
      <c r="Q57" s="160"/>
      <c r="R57" s="160"/>
      <c r="S57" s="160"/>
      <c r="T57" s="160"/>
      <c r="U57" s="160"/>
      <c r="V57" s="160"/>
      <c r="W57" s="160"/>
      <c r="X57" s="160"/>
      <c r="Y57" s="160"/>
      <c r="Z57" s="160"/>
      <c r="AA57" s="160"/>
      <c r="AB57" s="160"/>
      <c r="AC57" s="160"/>
      <c r="AD57" s="160"/>
      <c r="AE57" s="160"/>
      <c r="AF57" s="160"/>
      <c r="AG57" s="160"/>
      <c r="AH57" s="160"/>
      <c r="AI57" s="160"/>
      <c r="AJ57" s="160"/>
      <c r="AK57" s="160"/>
      <c r="AL57" s="160"/>
      <c r="AM57" s="160"/>
      <c r="AN57" s="161"/>
      <c r="AO57" s="161"/>
      <c r="AP57" s="161"/>
      <c r="AQ57" s="161"/>
      <c r="AR57" s="161"/>
    </row>
    <row r="58" spans="1:105" s="162" customFormat="1" ht="26.25" customHeight="1" x14ac:dyDescent="0.25">
      <c r="A58" s="296" t="s">
        <v>2</v>
      </c>
      <c r="B58" s="160"/>
      <c r="D58" s="160"/>
      <c r="E58" s="160"/>
      <c r="F58" s="160"/>
      <c r="G58" s="160"/>
      <c r="H58" s="160"/>
      <c r="I58" s="160"/>
      <c r="J58" s="160"/>
      <c r="K58" s="160"/>
      <c r="L58" s="160"/>
      <c r="M58" s="160"/>
      <c r="N58" s="160"/>
      <c r="O58" s="160"/>
      <c r="P58" s="160"/>
      <c r="Q58" s="160"/>
      <c r="R58" s="160"/>
      <c r="S58" s="160"/>
      <c r="T58" s="160"/>
      <c r="U58" s="160"/>
      <c r="V58" s="160"/>
      <c r="W58" s="160"/>
      <c r="X58" s="160"/>
      <c r="Y58" s="160"/>
      <c r="Z58" s="160"/>
      <c r="AA58" s="160"/>
      <c r="AB58" s="160"/>
      <c r="AC58" s="160"/>
      <c r="AD58" s="160"/>
      <c r="AE58" s="160"/>
      <c r="AF58" s="160"/>
      <c r="AG58" s="160"/>
      <c r="AH58" s="160"/>
      <c r="AI58" s="160"/>
      <c r="AJ58" s="160"/>
      <c r="AK58" s="160"/>
      <c r="AL58" s="160"/>
      <c r="AM58" s="160"/>
      <c r="AN58" s="161"/>
      <c r="AO58" s="161"/>
      <c r="AP58" s="161"/>
      <c r="AQ58" s="161"/>
      <c r="AR58" s="161"/>
    </row>
    <row r="59" spans="1:105" s="162" customFormat="1" ht="53.25" customHeight="1" x14ac:dyDescent="0.25">
      <c r="A59" s="160"/>
      <c r="B59" s="160"/>
      <c r="C59" s="704" t="s">
        <v>244</v>
      </c>
      <c r="D59" s="704"/>
      <c r="E59" s="704"/>
      <c r="F59" s="704"/>
      <c r="G59" s="704"/>
      <c r="H59" s="704"/>
      <c r="I59" s="704"/>
      <c r="J59" s="704"/>
      <c r="K59" s="704"/>
      <c r="L59" s="704"/>
      <c r="M59" s="704"/>
      <c r="N59" s="704"/>
      <c r="O59" s="704"/>
      <c r="P59" s="704"/>
      <c r="Q59" s="704"/>
      <c r="R59" s="704"/>
      <c r="S59" s="704"/>
      <c r="T59" s="704"/>
      <c r="U59" s="704"/>
      <c r="V59" s="704"/>
      <c r="W59" s="704"/>
      <c r="X59" s="704"/>
      <c r="Y59" s="704"/>
      <c r="Z59" s="704"/>
      <c r="AA59" s="704"/>
      <c r="AB59" s="704"/>
      <c r="AC59" s="704"/>
      <c r="AD59" s="704"/>
      <c r="AE59" s="704"/>
      <c r="AF59" s="704"/>
      <c r="AG59" s="704"/>
      <c r="AH59" s="704"/>
      <c r="AI59" s="704"/>
      <c r="AJ59" s="704"/>
      <c r="AK59" s="704"/>
      <c r="AL59" s="704"/>
      <c r="AM59" s="704"/>
      <c r="AN59" s="704"/>
      <c r="AO59" s="704"/>
      <c r="AP59" s="704"/>
      <c r="AQ59" s="704"/>
      <c r="AR59" s="704"/>
      <c r="AS59" s="704"/>
      <c r="AT59" s="704"/>
      <c r="AU59" s="704"/>
      <c r="AV59" s="704"/>
      <c r="AW59" s="704"/>
      <c r="AX59" s="704"/>
      <c r="AY59" s="704"/>
      <c r="AZ59" s="704"/>
      <c r="BA59" s="704"/>
      <c r="BB59" s="704"/>
      <c r="BC59" s="704"/>
      <c r="BD59" s="704"/>
      <c r="BE59" s="704"/>
      <c r="BF59" s="704"/>
      <c r="BG59" s="704"/>
      <c r="BH59" s="704"/>
      <c r="BI59" s="704"/>
      <c r="BJ59" s="704"/>
      <c r="BK59" s="704"/>
      <c r="BL59" s="704"/>
      <c r="BM59" s="704"/>
      <c r="BN59" s="704"/>
      <c r="BO59" s="704"/>
      <c r="BP59" s="704"/>
      <c r="BQ59" s="704"/>
      <c r="BR59" s="704"/>
      <c r="BS59" s="704"/>
      <c r="BT59" s="704"/>
      <c r="BU59" s="704"/>
      <c r="BV59" s="704"/>
      <c r="BW59" s="704"/>
      <c r="BX59" s="704"/>
      <c r="BY59" s="704"/>
      <c r="BZ59" s="704"/>
      <c r="CA59" s="704"/>
      <c r="CB59" s="704"/>
      <c r="CC59" s="704"/>
      <c r="CD59" s="704"/>
      <c r="CE59" s="704"/>
      <c r="CF59" s="704"/>
      <c r="CG59" s="704"/>
      <c r="CH59" s="704"/>
      <c r="CI59" s="704"/>
      <c r="CJ59" s="704"/>
      <c r="CK59" s="704"/>
      <c r="CL59" s="704"/>
      <c r="CM59" s="704"/>
      <c r="CN59" s="704"/>
      <c r="CO59" s="704"/>
      <c r="CP59" s="704"/>
      <c r="CQ59" s="704"/>
      <c r="CR59" s="704"/>
      <c r="CS59" s="704"/>
      <c r="CT59" s="704"/>
      <c r="CU59" s="704"/>
      <c r="CV59" s="704"/>
      <c r="CW59" s="704"/>
      <c r="CX59" s="704"/>
      <c r="CY59" s="704"/>
      <c r="CZ59" s="704"/>
      <c r="DA59" s="704"/>
    </row>
    <row r="60" spans="1:105" s="162" customFormat="1" ht="26.25" customHeight="1" x14ac:dyDescent="0.25">
      <c r="A60" s="160"/>
      <c r="B60" s="160"/>
      <c r="D60" s="160"/>
      <c r="E60" s="160"/>
      <c r="F60" s="160"/>
      <c r="G60" s="160"/>
      <c r="H60" s="160"/>
      <c r="I60" s="160"/>
      <c r="J60" s="160"/>
      <c r="K60" s="160"/>
      <c r="L60" s="160"/>
      <c r="M60" s="160"/>
      <c r="N60" s="160"/>
      <c r="O60" s="160"/>
      <c r="P60" s="160"/>
      <c r="Q60" s="160"/>
      <c r="R60" s="160"/>
      <c r="S60" s="160"/>
      <c r="T60" s="160"/>
      <c r="U60" s="160"/>
      <c r="V60" s="160"/>
      <c r="W60" s="160"/>
      <c r="X60" s="160"/>
      <c r="Y60" s="160"/>
      <c r="Z60" s="160"/>
      <c r="AA60" s="160"/>
      <c r="AB60" s="160"/>
      <c r="AC60" s="160"/>
      <c r="AD60" s="160"/>
      <c r="AE60" s="160"/>
      <c r="AF60" s="160"/>
      <c r="AG60" s="160"/>
      <c r="AH60" s="160"/>
      <c r="AI60" s="160"/>
      <c r="AJ60" s="160"/>
      <c r="AK60" s="160"/>
      <c r="AL60" s="160"/>
      <c r="AM60" s="160"/>
      <c r="AN60" s="161"/>
      <c r="AO60" s="161"/>
      <c r="AP60" s="161"/>
      <c r="AQ60" s="161"/>
      <c r="AR60" s="161"/>
    </row>
    <row r="61" spans="1:105" s="162" customFormat="1" ht="26.25" customHeight="1" x14ac:dyDescent="0.25">
      <c r="A61" s="296" t="s">
        <v>7</v>
      </c>
      <c r="B61" s="160"/>
      <c r="D61" s="160"/>
      <c r="E61" s="160"/>
      <c r="F61" s="160"/>
      <c r="G61" s="160"/>
      <c r="H61" s="160"/>
      <c r="I61" s="160"/>
      <c r="J61" s="160"/>
      <c r="K61" s="160"/>
      <c r="L61" s="160"/>
      <c r="M61" s="160"/>
      <c r="N61" s="160"/>
      <c r="O61" s="160"/>
      <c r="P61" s="160"/>
      <c r="Q61" s="160"/>
      <c r="R61" s="160"/>
      <c r="S61" s="160"/>
      <c r="T61" s="160"/>
      <c r="U61" s="160"/>
      <c r="V61" s="160"/>
      <c r="W61" s="160"/>
      <c r="X61" s="160"/>
      <c r="Y61" s="160"/>
      <c r="Z61" s="160"/>
      <c r="AA61" s="160"/>
      <c r="AB61" s="160"/>
      <c r="AC61" s="160"/>
      <c r="AD61" s="160"/>
      <c r="AE61" s="160"/>
      <c r="AF61" s="160"/>
      <c r="AG61" s="160"/>
      <c r="AH61" s="160"/>
      <c r="AI61" s="160"/>
      <c r="AJ61" s="160"/>
      <c r="AK61" s="160"/>
      <c r="AL61" s="160"/>
      <c r="AM61" s="160"/>
      <c r="AN61" s="161"/>
      <c r="AO61" s="161"/>
      <c r="AP61" s="161"/>
      <c r="AQ61" s="161"/>
      <c r="AR61" s="161"/>
    </row>
    <row r="62" spans="1:105" s="162" customFormat="1" ht="26.25" customHeight="1" x14ac:dyDescent="0.25">
      <c r="A62" s="160"/>
      <c r="B62" s="160"/>
      <c r="C62" s="703" t="s">
        <v>8</v>
      </c>
      <c r="D62" s="703"/>
      <c r="E62" s="703"/>
      <c r="F62" s="703"/>
      <c r="G62" s="703"/>
      <c r="H62" s="703"/>
      <c r="I62" s="703"/>
      <c r="J62" s="703"/>
      <c r="K62" s="703"/>
      <c r="L62" s="703"/>
      <c r="M62" s="703"/>
      <c r="N62" s="703"/>
      <c r="O62" s="703"/>
      <c r="P62" s="703"/>
      <c r="Q62" s="703"/>
      <c r="R62" s="703"/>
      <c r="S62" s="703"/>
      <c r="T62" s="703"/>
      <c r="U62" s="703"/>
      <c r="V62" s="703"/>
      <c r="W62" s="703"/>
      <c r="X62" s="703"/>
      <c r="Y62" s="703"/>
      <c r="Z62" s="703"/>
      <c r="AA62" s="703"/>
      <c r="AB62" s="703"/>
      <c r="AC62" s="703"/>
      <c r="AD62" s="703"/>
      <c r="AE62" s="703"/>
      <c r="AF62" s="703"/>
      <c r="AG62" s="703"/>
      <c r="AH62" s="703"/>
      <c r="AI62" s="703"/>
      <c r="AJ62" s="703"/>
      <c r="AK62" s="703"/>
      <c r="AL62" s="703"/>
      <c r="AM62" s="703"/>
      <c r="AN62" s="703"/>
      <c r="AO62" s="703"/>
      <c r="AP62" s="703"/>
      <c r="AQ62" s="703"/>
      <c r="AR62" s="703"/>
      <c r="AS62" s="703"/>
      <c r="AT62" s="703"/>
      <c r="AU62" s="703"/>
      <c r="AV62" s="703"/>
      <c r="AW62" s="703"/>
      <c r="AX62" s="703"/>
      <c r="AY62" s="703"/>
      <c r="AZ62" s="703"/>
      <c r="BA62" s="703"/>
      <c r="BB62" s="703"/>
      <c r="BC62" s="703"/>
      <c r="BD62" s="703"/>
      <c r="BE62" s="703"/>
      <c r="BF62" s="703"/>
      <c r="BG62" s="703"/>
      <c r="BH62" s="703"/>
      <c r="BI62" s="703"/>
      <c r="BJ62" s="703"/>
      <c r="BK62" s="703"/>
      <c r="BL62" s="703"/>
      <c r="BM62" s="703"/>
      <c r="BN62" s="703"/>
      <c r="BO62" s="703"/>
      <c r="BP62" s="703"/>
      <c r="BQ62" s="703"/>
      <c r="BR62" s="703"/>
      <c r="BS62" s="703"/>
      <c r="BT62" s="703"/>
      <c r="BU62" s="703"/>
      <c r="BV62" s="703"/>
      <c r="BW62" s="703"/>
      <c r="BX62" s="703"/>
      <c r="BY62" s="703"/>
      <c r="BZ62" s="703"/>
      <c r="CA62" s="703"/>
      <c r="CB62" s="703"/>
      <c r="CC62" s="703"/>
      <c r="CD62" s="703"/>
      <c r="CE62" s="703"/>
      <c r="CF62" s="703"/>
      <c r="CG62" s="703"/>
      <c r="CH62" s="703"/>
      <c r="CI62" s="703"/>
      <c r="CJ62" s="703"/>
      <c r="CK62" s="703"/>
      <c r="CL62" s="703"/>
      <c r="CM62" s="703"/>
      <c r="CN62" s="703"/>
      <c r="CO62" s="703"/>
      <c r="CP62" s="703"/>
      <c r="CQ62" s="703"/>
      <c r="CR62" s="703"/>
      <c r="CS62" s="703"/>
      <c r="CT62" s="703"/>
      <c r="CU62" s="703"/>
      <c r="CV62" s="703"/>
      <c r="CW62" s="703"/>
      <c r="CX62" s="703"/>
      <c r="CY62" s="703"/>
      <c r="CZ62" s="703"/>
      <c r="DA62" s="703"/>
    </row>
    <row r="63" spans="1:105" s="162" customFormat="1" ht="26.25" customHeight="1" x14ac:dyDescent="0.25">
      <c r="A63" s="160"/>
      <c r="B63" s="160"/>
      <c r="D63" s="160"/>
      <c r="E63" s="160"/>
      <c r="F63" s="160"/>
      <c r="G63" s="160"/>
      <c r="H63" s="160"/>
      <c r="I63" s="160"/>
      <c r="J63" s="160"/>
      <c r="K63" s="160"/>
      <c r="L63" s="160"/>
      <c r="M63" s="160"/>
      <c r="N63" s="160"/>
      <c r="O63" s="160"/>
      <c r="P63" s="160"/>
      <c r="Q63" s="160"/>
      <c r="R63" s="160"/>
      <c r="S63" s="160"/>
      <c r="T63" s="160"/>
      <c r="U63" s="160"/>
      <c r="V63" s="160"/>
      <c r="W63" s="160"/>
      <c r="X63" s="160"/>
      <c r="Y63" s="160"/>
      <c r="Z63" s="160"/>
      <c r="AA63" s="160"/>
      <c r="AB63" s="160"/>
      <c r="AC63" s="160"/>
      <c r="AD63" s="160"/>
      <c r="AE63" s="160"/>
      <c r="AF63" s="160"/>
      <c r="AG63" s="160"/>
      <c r="AH63" s="160"/>
      <c r="AI63" s="160"/>
      <c r="AJ63" s="160"/>
      <c r="AK63" s="160"/>
      <c r="AL63" s="160"/>
      <c r="AM63" s="160"/>
      <c r="AN63" s="161"/>
      <c r="AO63" s="161"/>
      <c r="AP63" s="161"/>
      <c r="AQ63" s="161"/>
      <c r="AR63" s="161"/>
    </row>
    <row r="64" spans="1:105" s="162" customFormat="1" ht="26.25" customHeight="1" x14ac:dyDescent="0.25">
      <c r="A64" s="160" t="s">
        <v>3</v>
      </c>
      <c r="B64" s="160"/>
      <c r="D64" s="160"/>
      <c r="E64" s="160"/>
      <c r="F64" s="160"/>
      <c r="G64" s="160"/>
      <c r="H64" s="160"/>
      <c r="I64" s="160"/>
      <c r="J64" s="160"/>
      <c r="K64" s="160"/>
      <c r="L64" s="160"/>
      <c r="M64" s="160"/>
      <c r="N64" s="160"/>
      <c r="O64" s="160"/>
      <c r="P64" s="160"/>
      <c r="Q64" s="160"/>
      <c r="R64" s="160"/>
      <c r="S64" s="160"/>
      <c r="T64" s="160"/>
      <c r="U64" s="160"/>
      <c r="V64" s="160"/>
      <c r="W64" s="160"/>
      <c r="X64" s="160"/>
      <c r="Y64" s="160"/>
      <c r="Z64" s="160"/>
      <c r="AA64" s="160"/>
      <c r="AB64" s="160"/>
      <c r="AC64" s="160"/>
      <c r="AD64" s="160"/>
      <c r="AE64" s="160"/>
      <c r="AF64" s="160"/>
      <c r="AG64" s="160"/>
      <c r="AH64" s="160"/>
      <c r="AI64" s="160"/>
      <c r="AJ64" s="160"/>
      <c r="AK64" s="160"/>
      <c r="AL64" s="160"/>
      <c r="AM64" s="160"/>
      <c r="AN64" s="161"/>
      <c r="AO64" s="161"/>
      <c r="AP64" s="161"/>
      <c r="AQ64" s="161"/>
      <c r="AR64" s="161"/>
    </row>
    <row r="65" spans="1:105" s="162" customFormat="1" ht="44.25" customHeight="1" x14ac:dyDescent="0.25">
      <c r="A65" s="160" t="s">
        <v>251</v>
      </c>
      <c r="B65" s="672" t="s">
        <v>5</v>
      </c>
      <c r="C65" s="690"/>
      <c r="D65" s="690"/>
      <c r="E65" s="690"/>
      <c r="F65" s="690"/>
      <c r="G65" s="690"/>
      <c r="H65" s="690"/>
      <c r="I65" s="690"/>
      <c r="J65" s="690"/>
      <c r="K65" s="690"/>
      <c r="L65" s="690"/>
      <c r="M65" s="690"/>
      <c r="N65" s="690"/>
      <c r="O65" s="690"/>
      <c r="P65" s="690"/>
      <c r="Q65" s="690"/>
      <c r="R65" s="690"/>
      <c r="S65" s="690"/>
      <c r="T65" s="690"/>
      <c r="U65" s="690"/>
      <c r="V65" s="690"/>
      <c r="W65" s="690"/>
      <c r="X65" s="690"/>
      <c r="Y65" s="690"/>
      <c r="Z65" s="690"/>
      <c r="AA65" s="690"/>
      <c r="AB65" s="690"/>
      <c r="AC65" s="690"/>
      <c r="AD65" s="690"/>
      <c r="AE65" s="690"/>
      <c r="AF65" s="690"/>
      <c r="AG65" s="690"/>
      <c r="AH65" s="690"/>
      <c r="AI65" s="690"/>
      <c r="AJ65" s="690"/>
      <c r="AK65" s="690"/>
      <c r="AL65" s="690"/>
      <c r="AM65" s="690"/>
      <c r="AN65" s="690"/>
      <c r="AO65" s="690"/>
      <c r="AP65" s="690"/>
      <c r="AQ65" s="690"/>
      <c r="AR65" s="690"/>
      <c r="AS65" s="690"/>
      <c r="AT65" s="690"/>
      <c r="AU65" s="690"/>
      <c r="AV65" s="690"/>
      <c r="AW65" s="690"/>
      <c r="AX65" s="690"/>
      <c r="AY65" s="690"/>
      <c r="AZ65" s="690"/>
      <c r="BA65" s="690"/>
      <c r="BB65" s="690"/>
      <c r="BC65" s="690"/>
      <c r="BD65" s="690"/>
      <c r="BE65" s="690"/>
      <c r="BF65" s="690"/>
      <c r="BG65" s="690"/>
      <c r="BH65" s="690"/>
      <c r="BI65" s="690"/>
      <c r="BJ65" s="690"/>
      <c r="BK65" s="690"/>
      <c r="BL65" s="690"/>
      <c r="BM65" s="690"/>
      <c r="BN65" s="690"/>
      <c r="BO65" s="690"/>
      <c r="BP65" s="690"/>
      <c r="BQ65" s="690"/>
      <c r="BR65" s="690"/>
      <c r="BS65" s="690"/>
      <c r="BT65" s="690"/>
      <c r="BU65" s="690"/>
      <c r="BV65" s="690"/>
      <c r="BW65" s="690"/>
      <c r="BX65" s="690"/>
      <c r="BY65" s="690"/>
      <c r="BZ65" s="690"/>
      <c r="CA65" s="690"/>
      <c r="CB65" s="690"/>
      <c r="CC65" s="690"/>
      <c r="CD65" s="690"/>
      <c r="CE65" s="690"/>
      <c r="CF65" s="690"/>
      <c r="CG65" s="690"/>
      <c r="CH65" s="690"/>
      <c r="CI65" s="690"/>
      <c r="CJ65" s="690"/>
      <c r="CK65" s="690"/>
      <c r="CL65" s="690"/>
      <c r="CM65" s="690"/>
      <c r="CN65" s="690"/>
      <c r="CO65" s="690"/>
      <c r="CP65" s="690"/>
      <c r="CQ65" s="690"/>
      <c r="CR65" s="690"/>
      <c r="CS65" s="690"/>
      <c r="CT65" s="690"/>
      <c r="CU65" s="690"/>
      <c r="CV65" s="690"/>
      <c r="CW65" s="690"/>
      <c r="CX65" s="690"/>
      <c r="CY65" s="690"/>
      <c r="CZ65" s="690"/>
      <c r="DA65" s="690"/>
    </row>
    <row r="66" spans="1:105" s="162" customFormat="1" ht="44.25" customHeight="1" x14ac:dyDescent="0.25">
      <c r="A66" s="160"/>
      <c r="B66" s="160" t="s">
        <v>252</v>
      </c>
      <c r="C66" s="695" t="s">
        <v>4</v>
      </c>
      <c r="D66" s="695"/>
      <c r="E66" s="695"/>
      <c r="F66" s="695"/>
      <c r="G66" s="695"/>
      <c r="H66" s="695"/>
      <c r="I66" s="695"/>
      <c r="J66" s="695"/>
      <c r="K66" s="695"/>
      <c r="L66" s="695"/>
      <c r="M66" s="695"/>
      <c r="N66" s="695"/>
      <c r="O66" s="695"/>
      <c r="P66" s="695"/>
      <c r="Q66" s="695"/>
      <c r="R66" s="695"/>
      <c r="S66" s="695"/>
      <c r="T66" s="695"/>
      <c r="U66" s="695"/>
      <c r="V66" s="695"/>
      <c r="W66" s="695"/>
      <c r="X66" s="695"/>
      <c r="Y66" s="695"/>
      <c r="Z66" s="695"/>
      <c r="AA66" s="695"/>
      <c r="AB66" s="695"/>
      <c r="AC66" s="695"/>
      <c r="AD66" s="695"/>
      <c r="AE66" s="695"/>
      <c r="AF66" s="695"/>
      <c r="AG66" s="695"/>
      <c r="AH66" s="695"/>
      <c r="AI66" s="695"/>
      <c r="AJ66" s="695"/>
      <c r="AK66" s="695"/>
      <c r="AL66" s="695"/>
      <c r="AM66" s="695"/>
      <c r="AN66" s="695"/>
      <c r="AO66" s="695"/>
      <c r="AP66" s="695"/>
      <c r="AQ66" s="695"/>
      <c r="AR66" s="695"/>
      <c r="AS66" s="695"/>
      <c r="AT66" s="695"/>
      <c r="AU66" s="695"/>
      <c r="AV66" s="695"/>
      <c r="AW66" s="695"/>
      <c r="AX66" s="695"/>
      <c r="AY66" s="695"/>
      <c r="AZ66" s="695"/>
      <c r="BA66" s="695"/>
      <c r="BB66" s="695"/>
      <c r="BC66" s="695"/>
      <c r="BD66" s="695"/>
      <c r="BE66" s="695"/>
      <c r="BF66" s="695"/>
      <c r="BG66" s="695"/>
      <c r="BH66" s="695"/>
      <c r="BI66" s="695"/>
      <c r="BJ66" s="695"/>
      <c r="BK66" s="695"/>
      <c r="BL66" s="695"/>
      <c r="BM66" s="695"/>
      <c r="BN66" s="695"/>
      <c r="BO66" s="695"/>
      <c r="BP66" s="695"/>
      <c r="BQ66" s="695"/>
      <c r="BR66" s="695"/>
      <c r="BS66" s="695"/>
      <c r="BT66" s="695"/>
      <c r="BU66" s="695"/>
      <c r="BV66" s="695"/>
      <c r="BW66" s="695"/>
      <c r="BX66" s="695"/>
      <c r="BY66" s="695"/>
      <c r="BZ66" s="695"/>
      <c r="CA66" s="695"/>
      <c r="CB66" s="695"/>
      <c r="CC66" s="695"/>
      <c r="CD66" s="695"/>
      <c r="CE66" s="695"/>
      <c r="CF66" s="695"/>
      <c r="CG66" s="695"/>
      <c r="CH66" s="695"/>
      <c r="CI66" s="695"/>
      <c r="CJ66" s="695"/>
      <c r="CK66" s="695"/>
      <c r="CL66" s="695"/>
      <c r="CM66" s="695"/>
      <c r="CN66" s="695"/>
      <c r="CO66" s="695"/>
      <c r="CP66" s="695"/>
      <c r="CQ66" s="695"/>
      <c r="CR66" s="695"/>
      <c r="CS66" s="695"/>
      <c r="CT66" s="695"/>
      <c r="CU66" s="695"/>
      <c r="CV66" s="695"/>
      <c r="CW66" s="695"/>
      <c r="CX66" s="695"/>
      <c r="CY66" s="695"/>
      <c r="CZ66" s="695"/>
      <c r="DA66" s="695"/>
    </row>
    <row r="67" spans="1:105" s="162" customFormat="1" ht="44.25" customHeight="1" x14ac:dyDescent="0.25">
      <c r="A67" s="160"/>
      <c r="B67" s="160" t="s">
        <v>252</v>
      </c>
      <c r="C67" s="672" t="s">
        <v>6</v>
      </c>
      <c r="D67" s="672"/>
      <c r="E67" s="672"/>
      <c r="F67" s="672"/>
      <c r="G67" s="672"/>
      <c r="H67" s="672"/>
      <c r="I67" s="672"/>
      <c r="J67" s="672"/>
      <c r="K67" s="672"/>
      <c r="L67" s="672"/>
      <c r="M67" s="672"/>
      <c r="N67" s="672"/>
      <c r="O67" s="672"/>
      <c r="P67" s="672"/>
      <c r="Q67" s="672"/>
      <c r="R67" s="672"/>
      <c r="S67" s="672"/>
      <c r="T67" s="672"/>
      <c r="U67" s="672"/>
      <c r="V67" s="672"/>
      <c r="W67" s="672"/>
      <c r="X67" s="672"/>
      <c r="Y67" s="672"/>
      <c r="Z67" s="672"/>
      <c r="AA67" s="672"/>
      <c r="AB67" s="672"/>
      <c r="AC67" s="672"/>
      <c r="AD67" s="672"/>
      <c r="AE67" s="672"/>
      <c r="AF67" s="672"/>
      <c r="AG67" s="672"/>
      <c r="AH67" s="672"/>
      <c r="AI67" s="672"/>
      <c r="AJ67" s="672"/>
      <c r="AK67" s="672"/>
      <c r="AL67" s="672"/>
      <c r="AM67" s="672"/>
      <c r="AN67" s="672"/>
      <c r="AO67" s="672"/>
      <c r="AP67" s="672"/>
      <c r="AQ67" s="672"/>
      <c r="AR67" s="672"/>
      <c r="AS67" s="672"/>
      <c r="AT67" s="672"/>
      <c r="AU67" s="672"/>
      <c r="AV67" s="672"/>
      <c r="AW67" s="672"/>
      <c r="AX67" s="672"/>
      <c r="AY67" s="672"/>
      <c r="AZ67" s="672"/>
      <c r="BA67" s="672"/>
      <c r="BB67" s="672"/>
      <c r="BC67" s="672"/>
      <c r="BD67" s="672"/>
      <c r="BE67" s="672"/>
      <c r="BF67" s="672"/>
      <c r="BG67" s="672"/>
      <c r="BH67" s="672"/>
      <c r="BI67" s="672"/>
      <c r="BJ67" s="672"/>
      <c r="BK67" s="672"/>
      <c r="BL67" s="672"/>
      <c r="BM67" s="672"/>
      <c r="BN67" s="672"/>
      <c r="BO67" s="672"/>
      <c r="BP67" s="672"/>
      <c r="BQ67" s="672"/>
      <c r="BR67" s="672"/>
      <c r="BS67" s="672"/>
      <c r="BT67" s="672"/>
      <c r="BU67" s="672"/>
      <c r="BV67" s="672"/>
      <c r="BW67" s="672"/>
      <c r="BX67" s="672"/>
      <c r="BY67" s="672"/>
      <c r="BZ67" s="672"/>
      <c r="CA67" s="672"/>
      <c r="CB67" s="672"/>
      <c r="CC67" s="672"/>
      <c r="CD67" s="672"/>
      <c r="CE67" s="672"/>
      <c r="CF67" s="672"/>
      <c r="CG67" s="672"/>
      <c r="CH67" s="672"/>
      <c r="CI67" s="672"/>
      <c r="CJ67" s="672"/>
      <c r="CK67" s="672"/>
      <c r="CL67" s="672"/>
      <c r="CM67" s="672"/>
      <c r="CN67" s="672"/>
      <c r="CO67" s="672"/>
      <c r="CP67" s="672"/>
      <c r="CQ67" s="672"/>
      <c r="CR67" s="672"/>
      <c r="CS67" s="672"/>
      <c r="CT67" s="672"/>
      <c r="CU67" s="672"/>
      <c r="CV67" s="672"/>
      <c r="CW67" s="672"/>
      <c r="CX67" s="672"/>
      <c r="CY67" s="672"/>
      <c r="CZ67" s="672"/>
      <c r="DA67" s="672"/>
    </row>
    <row r="68" spans="1:105" s="162" customFormat="1" ht="93.75" customHeight="1" x14ac:dyDescent="0.25">
      <c r="A68" s="160"/>
      <c r="B68" s="160"/>
      <c r="C68" s="672"/>
      <c r="D68" s="672"/>
      <c r="E68" s="672"/>
      <c r="F68" s="672"/>
      <c r="G68" s="672"/>
      <c r="H68" s="672"/>
      <c r="I68" s="672"/>
      <c r="J68" s="672"/>
      <c r="K68" s="672"/>
      <c r="L68" s="672"/>
      <c r="M68" s="672"/>
      <c r="N68" s="672"/>
      <c r="O68" s="672"/>
      <c r="P68" s="672"/>
      <c r="Q68" s="672"/>
      <c r="R68" s="672"/>
      <c r="S68" s="672"/>
      <c r="T68" s="672"/>
      <c r="U68" s="672"/>
      <c r="V68" s="672"/>
      <c r="W68" s="672"/>
      <c r="X68" s="672"/>
      <c r="Y68" s="672"/>
      <c r="Z68" s="672"/>
      <c r="AA68" s="672"/>
      <c r="AB68" s="672"/>
      <c r="AC68" s="672"/>
      <c r="AD68" s="672"/>
      <c r="AE68" s="672"/>
      <c r="AF68" s="672"/>
      <c r="AG68" s="672"/>
      <c r="AH68" s="672"/>
      <c r="AI68" s="672"/>
      <c r="AJ68" s="672"/>
      <c r="AK68" s="672"/>
      <c r="AL68" s="672"/>
      <c r="AM68" s="672"/>
      <c r="AN68" s="672"/>
      <c r="AO68" s="672"/>
      <c r="AP68" s="672"/>
      <c r="AQ68" s="672"/>
      <c r="AR68" s="672"/>
      <c r="AS68" s="672"/>
      <c r="AT68" s="672"/>
      <c r="AU68" s="672"/>
      <c r="AV68" s="672"/>
      <c r="AW68" s="672"/>
      <c r="AX68" s="672"/>
      <c r="AY68" s="672"/>
      <c r="AZ68" s="672"/>
      <c r="BA68" s="672"/>
      <c r="BB68" s="672"/>
      <c r="BC68" s="672"/>
      <c r="BD68" s="672"/>
      <c r="BE68" s="672"/>
      <c r="BF68" s="672"/>
      <c r="BG68" s="672"/>
      <c r="BH68" s="672"/>
      <c r="BI68" s="672"/>
      <c r="BJ68" s="672"/>
      <c r="BK68" s="672"/>
      <c r="BL68" s="672"/>
      <c r="BM68" s="672"/>
      <c r="BN68" s="672"/>
      <c r="BO68" s="672"/>
      <c r="BP68" s="672"/>
      <c r="BQ68" s="672"/>
      <c r="BR68" s="672"/>
      <c r="BS68" s="672"/>
      <c r="BT68" s="672"/>
      <c r="BU68" s="672"/>
      <c r="BV68" s="672"/>
      <c r="BW68" s="672"/>
      <c r="BX68" s="672"/>
      <c r="BY68" s="672"/>
      <c r="BZ68" s="672"/>
      <c r="CA68" s="672"/>
      <c r="CB68" s="672"/>
      <c r="CC68" s="672"/>
      <c r="CD68" s="672"/>
      <c r="CE68" s="672"/>
      <c r="CF68" s="672"/>
      <c r="CG68" s="672"/>
      <c r="CH68" s="672"/>
      <c r="CI68" s="672"/>
      <c r="CJ68" s="672"/>
      <c r="CK68" s="672"/>
      <c r="CL68" s="672"/>
      <c r="CM68" s="672"/>
      <c r="CN68" s="672"/>
      <c r="CO68" s="672"/>
      <c r="CP68" s="672"/>
      <c r="CQ68" s="672"/>
      <c r="CR68" s="672"/>
      <c r="CS68" s="672"/>
      <c r="CT68" s="672"/>
      <c r="CU68" s="672"/>
      <c r="CV68" s="672"/>
      <c r="CW68" s="672"/>
      <c r="CX68" s="672"/>
      <c r="CY68" s="672"/>
      <c r="CZ68" s="672"/>
      <c r="DA68" s="672"/>
    </row>
    <row r="69" spans="1:105" s="162" customFormat="1" ht="26.25" customHeight="1" x14ac:dyDescent="0.25">
      <c r="A69" s="164"/>
      <c r="B69" s="164"/>
      <c r="C69" s="164"/>
      <c r="D69" s="164"/>
      <c r="E69" s="164"/>
      <c r="F69" s="164"/>
      <c r="G69" s="164"/>
      <c r="H69" s="164"/>
      <c r="I69" s="164"/>
      <c r="J69" s="164"/>
      <c r="K69" s="164"/>
      <c r="L69" s="164"/>
      <c r="M69" s="164"/>
      <c r="N69" s="164"/>
      <c r="O69" s="164"/>
      <c r="P69" s="164"/>
      <c r="Q69" s="164"/>
      <c r="R69" s="164"/>
      <c r="S69" s="164"/>
      <c r="T69" s="164"/>
      <c r="U69" s="164"/>
      <c r="V69" s="164"/>
      <c r="W69" s="164"/>
      <c r="X69" s="164"/>
      <c r="Y69" s="164"/>
      <c r="Z69" s="164"/>
      <c r="AA69" s="164"/>
      <c r="AB69" s="164"/>
      <c r="AC69" s="164"/>
      <c r="AD69" s="164"/>
      <c r="AE69" s="164"/>
      <c r="AF69" s="164"/>
      <c r="AG69" s="164"/>
      <c r="AH69" s="164"/>
      <c r="AI69" s="164"/>
      <c r="AJ69" s="164"/>
      <c r="AK69" s="164"/>
      <c r="AL69" s="164"/>
      <c r="AM69" s="164"/>
      <c r="AN69" s="161"/>
      <c r="AO69" s="161"/>
      <c r="AP69" s="161"/>
      <c r="AQ69" s="161"/>
      <c r="AR69" s="161"/>
    </row>
    <row r="70" spans="1:105" s="162" customFormat="1" ht="26.25" customHeight="1" x14ac:dyDescent="0.25">
      <c r="A70" s="164"/>
      <c r="B70" s="164"/>
      <c r="C70" s="164"/>
      <c r="D70" s="164"/>
      <c r="E70" s="164"/>
      <c r="F70" s="164"/>
      <c r="G70" s="164"/>
      <c r="H70" s="164"/>
      <c r="I70" s="164"/>
      <c r="J70" s="164"/>
      <c r="K70" s="164"/>
      <c r="L70" s="164"/>
      <c r="M70" s="164"/>
      <c r="N70" s="164"/>
      <c r="O70" s="164"/>
      <c r="P70" s="164"/>
      <c r="Q70" s="164"/>
      <c r="R70" s="164"/>
      <c r="S70" s="164"/>
      <c r="T70" s="164"/>
      <c r="U70" s="164"/>
      <c r="V70" s="164"/>
      <c r="W70" s="164"/>
      <c r="X70" s="164"/>
      <c r="Y70" s="164"/>
      <c r="Z70" s="164"/>
      <c r="AA70" s="164"/>
      <c r="AB70" s="164"/>
      <c r="AC70" s="164"/>
      <c r="AD70" s="164"/>
      <c r="AE70" s="164"/>
      <c r="AF70" s="164"/>
      <c r="AG70" s="164"/>
      <c r="AH70" s="164"/>
      <c r="AI70" s="164"/>
      <c r="AJ70" s="164"/>
      <c r="AK70" s="164"/>
      <c r="AL70" s="164"/>
      <c r="AM70" s="164"/>
      <c r="AN70" s="161"/>
      <c r="AO70" s="161"/>
      <c r="AP70" s="161"/>
      <c r="AQ70" s="161"/>
      <c r="AR70" s="161"/>
    </row>
    <row r="71" spans="1:105" s="162" customFormat="1" ht="26.25" customHeight="1" x14ac:dyDescent="0.25">
      <c r="A71" s="164"/>
      <c r="B71" s="164"/>
      <c r="C71" s="164"/>
      <c r="D71" s="164"/>
      <c r="E71" s="164"/>
      <c r="F71" s="164"/>
      <c r="G71" s="164"/>
      <c r="H71" s="164"/>
      <c r="I71" s="164"/>
      <c r="J71" s="164"/>
      <c r="K71" s="164"/>
      <c r="L71" s="164"/>
      <c r="M71" s="164"/>
      <c r="N71" s="164"/>
      <c r="O71" s="164"/>
      <c r="P71" s="164"/>
      <c r="Q71" s="164"/>
      <c r="R71" s="164"/>
      <c r="S71" s="164"/>
      <c r="T71" s="164"/>
      <c r="U71" s="164"/>
      <c r="V71" s="164"/>
      <c r="W71" s="164"/>
      <c r="X71" s="164"/>
      <c r="Y71" s="164"/>
      <c r="Z71" s="164"/>
      <c r="AA71" s="164"/>
      <c r="AB71" s="164"/>
      <c r="AC71" s="164"/>
      <c r="AD71" s="164"/>
      <c r="AE71" s="164"/>
      <c r="AF71" s="164"/>
      <c r="AG71" s="164"/>
      <c r="AH71" s="164"/>
      <c r="AI71" s="164"/>
      <c r="AJ71" s="164"/>
      <c r="AK71" s="164"/>
      <c r="AL71" s="164"/>
      <c r="AM71" s="164"/>
      <c r="AN71" s="161"/>
      <c r="AO71" s="161"/>
      <c r="AP71" s="161"/>
      <c r="AQ71" s="161"/>
      <c r="AR71" s="161"/>
    </row>
    <row r="72" spans="1:105" s="162" customFormat="1" ht="26.25" customHeight="1" x14ac:dyDescent="0.25">
      <c r="A72" s="160"/>
      <c r="B72" s="165"/>
      <c r="C72" s="165"/>
      <c r="D72" s="165"/>
      <c r="E72" s="166"/>
      <c r="F72" s="166"/>
      <c r="G72" s="166"/>
      <c r="H72" s="166"/>
      <c r="I72" s="166"/>
      <c r="J72" s="166"/>
      <c r="K72" s="166"/>
      <c r="L72" s="166"/>
      <c r="M72" s="164"/>
      <c r="N72" s="164"/>
      <c r="O72" s="164"/>
      <c r="P72" s="164"/>
      <c r="Q72" s="164"/>
      <c r="R72" s="164"/>
      <c r="S72" s="164"/>
      <c r="T72" s="164"/>
      <c r="U72" s="164"/>
      <c r="V72" s="164"/>
      <c r="W72" s="164"/>
      <c r="X72" s="164"/>
      <c r="Y72" s="164"/>
      <c r="Z72" s="164"/>
      <c r="AA72" s="164"/>
      <c r="AB72" s="164"/>
      <c r="AC72" s="164"/>
      <c r="AD72" s="164"/>
      <c r="AE72" s="164"/>
      <c r="AF72" s="164"/>
      <c r="AG72" s="164"/>
      <c r="AH72" s="164"/>
      <c r="AI72" s="164"/>
      <c r="AJ72" s="164"/>
      <c r="AK72" s="164"/>
      <c r="AL72" s="164"/>
      <c r="AM72" s="164"/>
      <c r="AN72" s="161"/>
      <c r="AO72" s="161"/>
      <c r="AP72" s="161"/>
      <c r="AQ72" s="161"/>
      <c r="AR72" s="161"/>
    </row>
    <row r="73" spans="1:105" s="162" customFormat="1" ht="26.25" customHeight="1" x14ac:dyDescent="0.25">
      <c r="A73" s="160"/>
      <c r="B73" s="165"/>
      <c r="C73" s="165"/>
      <c r="D73" s="165"/>
      <c r="E73" s="166"/>
      <c r="F73" s="166"/>
      <c r="G73" s="166"/>
      <c r="H73" s="166"/>
      <c r="I73" s="166"/>
      <c r="J73" s="166"/>
      <c r="K73" s="166"/>
      <c r="L73" s="166"/>
      <c r="M73" s="164"/>
      <c r="N73" s="164"/>
      <c r="O73" s="164"/>
      <c r="P73" s="164"/>
      <c r="Q73" s="164"/>
      <c r="R73" s="164"/>
      <c r="S73" s="164"/>
      <c r="T73" s="164"/>
      <c r="U73" s="164"/>
      <c r="V73" s="164"/>
      <c r="W73" s="164"/>
      <c r="X73" s="164"/>
      <c r="Y73" s="164"/>
      <c r="Z73" s="164"/>
      <c r="AA73" s="164"/>
      <c r="AB73" s="164"/>
      <c r="AC73" s="164"/>
      <c r="AD73" s="164"/>
      <c r="AE73" s="164"/>
      <c r="AF73" s="164"/>
      <c r="AG73" s="164"/>
      <c r="AH73" s="164"/>
      <c r="AI73" s="164"/>
      <c r="AJ73" s="164"/>
      <c r="AK73" s="164"/>
      <c r="AL73" s="164"/>
      <c r="AM73" s="164"/>
      <c r="AN73" s="161"/>
      <c r="AO73" s="161"/>
      <c r="AP73" s="161"/>
      <c r="AQ73" s="161"/>
      <c r="AR73" s="161"/>
    </row>
    <row r="74" spans="1:105" s="162" customFormat="1" ht="26.25" customHeight="1" x14ac:dyDescent="0.25">
      <c r="A74" s="160"/>
      <c r="B74" s="167"/>
      <c r="C74" s="167"/>
      <c r="D74" s="167"/>
      <c r="E74" s="167"/>
      <c r="F74" s="167"/>
      <c r="G74" s="167"/>
      <c r="H74" s="167"/>
      <c r="I74" s="167"/>
      <c r="J74" s="167"/>
      <c r="K74" s="167"/>
      <c r="L74" s="167"/>
      <c r="M74" s="167"/>
      <c r="N74" s="167"/>
      <c r="O74" s="167"/>
      <c r="P74" s="167"/>
      <c r="Q74" s="167"/>
      <c r="R74" s="167"/>
      <c r="S74" s="167"/>
      <c r="T74" s="167"/>
      <c r="U74" s="167"/>
      <c r="V74" s="167"/>
      <c r="W74" s="167"/>
      <c r="X74" s="167"/>
      <c r="Y74" s="167"/>
      <c r="Z74" s="167"/>
      <c r="AA74" s="167"/>
      <c r="AB74" s="167"/>
      <c r="AC74" s="167"/>
      <c r="AD74" s="167"/>
      <c r="AE74" s="167"/>
      <c r="AF74" s="167"/>
      <c r="AG74" s="167"/>
      <c r="AH74" s="167"/>
      <c r="AI74" s="167"/>
      <c r="AJ74" s="167"/>
      <c r="AK74" s="167"/>
      <c r="AL74" s="167"/>
      <c r="AM74" s="167"/>
      <c r="AN74" s="167"/>
      <c r="AO74" s="167"/>
      <c r="AP74" s="167"/>
      <c r="AQ74" s="167"/>
      <c r="AR74" s="167"/>
    </row>
    <row r="75" spans="1:105" s="162" customFormat="1" ht="26.25" customHeight="1" x14ac:dyDescent="0.25"/>
    <row r="76" spans="1:105" s="162" customFormat="1" ht="26.25" customHeight="1" x14ac:dyDescent="0.25"/>
    <row r="77" spans="1:105" s="162" customFormat="1" ht="26.25" customHeight="1" x14ac:dyDescent="0.25"/>
    <row r="78" spans="1:105" s="162" customFormat="1" ht="26.25" customHeight="1" x14ac:dyDescent="0.25"/>
    <row r="79" spans="1:105" x14ac:dyDescent="0.2">
      <c r="A79" s="2"/>
      <c r="B79" s="2"/>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row>
    <row r="80" spans="1:105" x14ac:dyDescent="0.2">
      <c r="A80" s="2"/>
      <c r="B80" s="2"/>
      <c r="C80" s="2"/>
      <c r="D80" s="2"/>
      <c r="E80" s="2"/>
      <c r="F80" s="2"/>
      <c r="G80" s="2"/>
      <c r="H80" s="2"/>
      <c r="I80" s="2"/>
      <c r="J80" s="2"/>
      <c r="K80" s="2"/>
      <c r="L80" s="2"/>
      <c r="M80" s="2"/>
      <c r="N80" s="2"/>
      <c r="O80" s="2"/>
      <c r="P80" s="2"/>
      <c r="Q80" s="2"/>
      <c r="R80" s="2"/>
      <c r="S80" s="2"/>
      <c r="T80" s="2"/>
      <c r="U80" s="2"/>
      <c r="V80" s="2"/>
      <c r="W80" s="2"/>
      <c r="X80" s="2"/>
      <c r="Y80" s="2"/>
      <c r="Z80" s="2"/>
      <c r="AA80" s="2"/>
      <c r="AB80" s="2"/>
      <c r="AC80" s="2"/>
      <c r="AD80" s="2"/>
      <c r="AE80" s="2"/>
      <c r="AF80" s="2"/>
      <c r="AG80" s="2"/>
      <c r="AH80" s="2"/>
      <c r="AI80" s="2"/>
      <c r="AJ80" s="2"/>
      <c r="AK80" s="2"/>
      <c r="AL80" s="2"/>
      <c r="AM80" s="2"/>
      <c r="AN80" s="2"/>
      <c r="AO80" s="2"/>
      <c r="AP80" s="2"/>
      <c r="AQ80" s="2"/>
      <c r="AR80" s="2"/>
      <c r="AS80" s="2"/>
      <c r="AT80" s="2"/>
    </row>
    <row r="81" spans="1:46" x14ac:dyDescent="0.2">
      <c r="A81" s="2"/>
      <c r="B81" s="2"/>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row>
    <row r="82" spans="1:46" x14ac:dyDescent="0.2">
      <c r="A82" s="2"/>
      <c r="B82" s="2"/>
      <c r="C82" s="2"/>
      <c r="D82" s="2"/>
      <c r="E82" s="2"/>
      <c r="F82" s="2"/>
      <c r="G82" s="2"/>
      <c r="H82" s="2"/>
      <c r="I82" s="2"/>
      <c r="J82" s="2"/>
      <c r="K82" s="2"/>
      <c r="L82" s="2"/>
      <c r="M82" s="2"/>
      <c r="N82" s="2"/>
      <c r="O82" s="2"/>
      <c r="P82" s="2"/>
      <c r="Q82" s="2"/>
      <c r="R82" s="2"/>
      <c r="S82" s="2"/>
      <c r="T82" s="2"/>
      <c r="U82" s="2"/>
      <c r="V82" s="2"/>
      <c r="W82" s="2"/>
      <c r="X82" s="2"/>
      <c r="Y82" s="2"/>
      <c r="Z82" s="2"/>
      <c r="AA82" s="2"/>
      <c r="AB82" s="2"/>
      <c r="AC82" s="2"/>
      <c r="AD82" s="2"/>
      <c r="AE82" s="2"/>
      <c r="AF82" s="2"/>
      <c r="AG82" s="2"/>
      <c r="AH82" s="2"/>
      <c r="AI82" s="2"/>
      <c r="AJ82" s="2"/>
      <c r="AK82" s="2"/>
      <c r="AL82" s="2"/>
      <c r="AM82" s="2"/>
      <c r="AN82" s="2"/>
      <c r="AO82" s="2"/>
      <c r="AP82" s="2"/>
      <c r="AQ82" s="2"/>
      <c r="AR82" s="2"/>
      <c r="AS82" s="2"/>
      <c r="AT82" s="2"/>
    </row>
    <row r="83" spans="1:46" x14ac:dyDescent="0.2">
      <c r="A83" s="2"/>
      <c r="B83" s="2"/>
      <c r="C83" s="2"/>
      <c r="D83" s="2"/>
      <c r="E83" s="2"/>
      <c r="F83" s="2"/>
      <c r="G83" s="2"/>
      <c r="H83" s="2"/>
      <c r="I83" s="2"/>
      <c r="J83" s="2"/>
      <c r="K83" s="2"/>
      <c r="L83" s="2"/>
      <c r="M83" s="2"/>
      <c r="N83" s="2"/>
      <c r="O83" s="2"/>
      <c r="P83" s="2"/>
      <c r="Q83" s="2"/>
      <c r="R83" s="2"/>
      <c r="S83" s="2"/>
      <c r="T83" s="2"/>
      <c r="U83" s="2"/>
      <c r="V83" s="2"/>
      <c r="W83" s="2"/>
      <c r="X83" s="2"/>
      <c r="Y83" s="2"/>
      <c r="Z83" s="2"/>
      <c r="AA83" s="2"/>
      <c r="AB83" s="2"/>
      <c r="AC83" s="2"/>
      <c r="AD83" s="2"/>
      <c r="AE83" s="2"/>
      <c r="AF83" s="2"/>
      <c r="AG83" s="2"/>
      <c r="AH83" s="2"/>
      <c r="AI83" s="2"/>
      <c r="AJ83" s="2"/>
      <c r="AK83" s="2"/>
      <c r="AL83" s="2"/>
      <c r="AM83" s="2"/>
      <c r="AN83" s="2"/>
      <c r="AO83" s="2"/>
      <c r="AP83" s="2"/>
      <c r="AQ83" s="2"/>
      <c r="AR83" s="2"/>
      <c r="AS83" s="2"/>
      <c r="AT83" s="2"/>
    </row>
  </sheetData>
  <sheetProtection selectLockedCells="1"/>
  <mergeCells count="318">
    <mergeCell ref="J4:R4"/>
    <mergeCell ref="AN28:AX29"/>
    <mergeCell ref="O22:S23"/>
    <mergeCell ref="Y14:AC15"/>
    <mergeCell ref="O14:X15"/>
    <mergeCell ref="AU14:AX15"/>
    <mergeCell ref="AL14:AT15"/>
    <mergeCell ref="AK30:AL31"/>
    <mergeCell ref="AM30:AN31"/>
    <mergeCell ref="AO30:AP31"/>
    <mergeCell ref="AQ30:AR31"/>
    <mergeCell ref="AS30:AV31"/>
    <mergeCell ref="AW30:AW31"/>
    <mergeCell ref="AX30:AX31"/>
    <mergeCell ref="J26:AX27"/>
    <mergeCell ref="A30:N31"/>
    <mergeCell ref="O30:S31"/>
    <mergeCell ref="T30:U31"/>
    <mergeCell ref="J28:L29"/>
    <mergeCell ref="AS13:AV13"/>
    <mergeCell ref="AW22:AW23"/>
    <mergeCell ref="AX22:AX23"/>
    <mergeCell ref="AF22:AJ23"/>
    <mergeCell ref="AM22:AN23"/>
    <mergeCell ref="CB27:CC27"/>
    <mergeCell ref="BB28:BC29"/>
    <mergeCell ref="BD28:BQ29"/>
    <mergeCell ref="BB30:BC31"/>
    <mergeCell ref="BD30:BQ31"/>
    <mergeCell ref="BB26:BC27"/>
    <mergeCell ref="BD26:BQ27"/>
    <mergeCell ref="BZ28:CA28"/>
    <mergeCell ref="BZ29:CA29"/>
    <mergeCell ref="BZ30:CA30"/>
    <mergeCell ref="BZ31:CA31"/>
    <mergeCell ref="CB28:CC28"/>
    <mergeCell ref="CB29:CC29"/>
    <mergeCell ref="CB30:CC30"/>
    <mergeCell ref="CB31:CC31"/>
    <mergeCell ref="BR26:BU26"/>
    <mergeCell ref="U28:W29"/>
    <mergeCell ref="X28:Y29"/>
    <mergeCell ref="Z28:AB29"/>
    <mergeCell ref="AC28:AF29"/>
    <mergeCell ref="AG28:AM29"/>
    <mergeCell ref="BR27:BU27"/>
    <mergeCell ref="V30:W31"/>
    <mergeCell ref="X30:Y31"/>
    <mergeCell ref="Z30:AA31"/>
    <mergeCell ref="AB30:AE31"/>
    <mergeCell ref="AF30:AJ31"/>
    <mergeCell ref="BR28:BU28"/>
    <mergeCell ref="BR29:BU29"/>
    <mergeCell ref="BR30:BU30"/>
    <mergeCell ref="BR31:BU31"/>
    <mergeCell ref="CI26:DB27"/>
    <mergeCell ref="CI28:DB29"/>
    <mergeCell ref="CI30:DB31"/>
    <mergeCell ref="BV26:BW26"/>
    <mergeCell ref="BX26:BY26"/>
    <mergeCell ref="BZ26:CA26"/>
    <mergeCell ref="CB26:CC26"/>
    <mergeCell ref="CD26:CH26"/>
    <mergeCell ref="BV27:BW27"/>
    <mergeCell ref="BV28:BW28"/>
    <mergeCell ref="BV29:BW29"/>
    <mergeCell ref="BV30:BW30"/>
    <mergeCell ref="BV31:BW31"/>
    <mergeCell ref="BX27:BY27"/>
    <mergeCell ref="BX28:BY28"/>
    <mergeCell ref="BX29:BY29"/>
    <mergeCell ref="BX30:BY30"/>
    <mergeCell ref="BX31:BY31"/>
    <mergeCell ref="BZ27:CA27"/>
    <mergeCell ref="CD27:CH27"/>
    <mergeCell ref="CD28:CH28"/>
    <mergeCell ref="CD29:CH29"/>
    <mergeCell ref="CD30:CH30"/>
    <mergeCell ref="CD31:CH31"/>
    <mergeCell ref="CD23:CH23"/>
    <mergeCell ref="CD22:CH22"/>
    <mergeCell ref="CD21:CH21"/>
    <mergeCell ref="CD20:CH20"/>
    <mergeCell ref="CB23:CC23"/>
    <mergeCell ref="CB22:CC22"/>
    <mergeCell ref="CB21:CC21"/>
    <mergeCell ref="CB20:CC20"/>
    <mergeCell ref="BB22:BC23"/>
    <mergeCell ref="BR22:BU22"/>
    <mergeCell ref="BR21:BU21"/>
    <mergeCell ref="BR20:BU20"/>
    <mergeCell ref="BV21:BW21"/>
    <mergeCell ref="BV20:BW20"/>
    <mergeCell ref="BZ23:CA23"/>
    <mergeCell ref="BX23:BY23"/>
    <mergeCell ref="BZ22:CA22"/>
    <mergeCell ref="BX22:BY22"/>
    <mergeCell ref="BZ21:CA21"/>
    <mergeCell ref="BX21:BY21"/>
    <mergeCell ref="J20:L21"/>
    <mergeCell ref="AG20:AM21"/>
    <mergeCell ref="AN20:AX21"/>
    <mergeCell ref="CI22:DB23"/>
    <mergeCell ref="BV18:BW18"/>
    <mergeCell ref="BV19:BW19"/>
    <mergeCell ref="BZ18:CA18"/>
    <mergeCell ref="BZ19:CA19"/>
    <mergeCell ref="CD18:CH18"/>
    <mergeCell ref="CD19:CH19"/>
    <mergeCell ref="BR18:BU18"/>
    <mergeCell ref="BX18:BY18"/>
    <mergeCell ref="CB18:CC18"/>
    <mergeCell ref="BR19:BU19"/>
    <mergeCell ref="BX19:BY19"/>
    <mergeCell ref="CB19:CC19"/>
    <mergeCell ref="BV23:BW23"/>
    <mergeCell ref="BR23:BU23"/>
    <mergeCell ref="BV22:BW22"/>
    <mergeCell ref="BZ20:CA20"/>
    <mergeCell ref="BX20:BY20"/>
    <mergeCell ref="AQ22:AR23"/>
    <mergeCell ref="AS22:AV23"/>
    <mergeCell ref="BD22:BQ23"/>
    <mergeCell ref="A26:I27"/>
    <mergeCell ref="A28:I29"/>
    <mergeCell ref="M28:R29"/>
    <mergeCell ref="S28:T29"/>
    <mergeCell ref="CI9:DB10"/>
    <mergeCell ref="CI11:DB12"/>
    <mergeCell ref="T13:U13"/>
    <mergeCell ref="AM13:AN13"/>
    <mergeCell ref="AK13:AL13"/>
    <mergeCell ref="Z13:AA13"/>
    <mergeCell ref="AF13:AJ13"/>
    <mergeCell ref="AQ13:AR13"/>
    <mergeCell ref="V22:W23"/>
    <mergeCell ref="Z22:AA23"/>
    <mergeCell ref="AB22:AE23"/>
    <mergeCell ref="BR12:BU12"/>
    <mergeCell ref="BV12:BW12"/>
    <mergeCell ref="BD25:BQ25"/>
    <mergeCell ref="BR25:CH25"/>
    <mergeCell ref="BB18:BC19"/>
    <mergeCell ref="A18:I19"/>
    <mergeCell ref="J18:AX19"/>
    <mergeCell ref="A20:I21"/>
    <mergeCell ref="M20:R21"/>
    <mergeCell ref="AJ11:AL12"/>
    <mergeCell ref="AM11:AO12"/>
    <mergeCell ref="AP11:AR12"/>
    <mergeCell ref="AS11:AU12"/>
    <mergeCell ref="BB11:BC12"/>
    <mergeCell ref="T22:U23"/>
    <mergeCell ref="X22:Y23"/>
    <mergeCell ref="AK22:AL23"/>
    <mergeCell ref="AO22:AP23"/>
    <mergeCell ref="S20:T21"/>
    <mergeCell ref="U20:W21"/>
    <mergeCell ref="X20:Y21"/>
    <mergeCell ref="Z20:AB21"/>
    <mergeCell ref="AC20:AF21"/>
    <mergeCell ref="AY17:BA23"/>
    <mergeCell ref="BB17:BC17"/>
    <mergeCell ref="BD18:BQ19"/>
    <mergeCell ref="CI18:DB19"/>
    <mergeCell ref="BB20:BC21"/>
    <mergeCell ref="BD20:BQ21"/>
    <mergeCell ref="CI20:DB21"/>
    <mergeCell ref="X13:Y13"/>
    <mergeCell ref="AB13:AE13"/>
    <mergeCell ref="CD10:CH10"/>
    <mergeCell ref="BD11:BQ12"/>
    <mergeCell ref="BR11:BU11"/>
    <mergeCell ref="BX11:BY11"/>
    <mergeCell ref="BV11:BW11"/>
    <mergeCell ref="BZ11:CA11"/>
    <mergeCell ref="CB11:CC11"/>
    <mergeCell ref="CD11:CH11"/>
    <mergeCell ref="BC15:BD15"/>
    <mergeCell ref="BA15:BB15"/>
    <mergeCell ref="BX12:BY12"/>
    <mergeCell ref="BZ12:CA12"/>
    <mergeCell ref="CB12:CC12"/>
    <mergeCell ref="CD12:CH12"/>
    <mergeCell ref="AD15:AE15"/>
    <mergeCell ref="O11:AC12"/>
    <mergeCell ref="AD11:AF12"/>
    <mergeCell ref="CI7:DB8"/>
    <mergeCell ref="A9:I10"/>
    <mergeCell ref="M9:R10"/>
    <mergeCell ref="S9:T10"/>
    <mergeCell ref="U9:W10"/>
    <mergeCell ref="X9:Y10"/>
    <mergeCell ref="Z9:AB10"/>
    <mergeCell ref="AC9:AF10"/>
    <mergeCell ref="J9:L10"/>
    <mergeCell ref="AG9:AM10"/>
    <mergeCell ref="AN9:AX10"/>
    <mergeCell ref="BB9:BC10"/>
    <mergeCell ref="BD9:BQ10"/>
    <mergeCell ref="BR9:BU9"/>
    <mergeCell ref="BV9:BW9"/>
    <mergeCell ref="BX9:BY9"/>
    <mergeCell ref="BZ9:CA9"/>
    <mergeCell ref="CB9:CC9"/>
    <mergeCell ref="CD9:CH9"/>
    <mergeCell ref="BR10:BU10"/>
    <mergeCell ref="BD17:BQ17"/>
    <mergeCell ref="BL14:BY14"/>
    <mergeCell ref="BN15:BO15"/>
    <mergeCell ref="BE14:BK14"/>
    <mergeCell ref="A7:I8"/>
    <mergeCell ref="BD6:BQ6"/>
    <mergeCell ref="BR6:CH6"/>
    <mergeCell ref="J7:AX8"/>
    <mergeCell ref="BV7:BW7"/>
    <mergeCell ref="BX7:BY7"/>
    <mergeCell ref="BZ7:CA7"/>
    <mergeCell ref="CB7:CC7"/>
    <mergeCell ref="CD7:CH7"/>
    <mergeCell ref="O13:S13"/>
    <mergeCell ref="BV10:BW10"/>
    <mergeCell ref="BX10:BY10"/>
    <mergeCell ref="BZ10:CA10"/>
    <mergeCell ref="CB10:CC10"/>
    <mergeCell ref="CB8:CC8"/>
    <mergeCell ref="CD8:CH8"/>
    <mergeCell ref="BR7:BU7"/>
    <mergeCell ref="I14:N15"/>
    <mergeCell ref="A11:N12"/>
    <mergeCell ref="AG11:AI12"/>
    <mergeCell ref="CI4:CM4"/>
    <mergeCell ref="J6:AX6"/>
    <mergeCell ref="A4:I4"/>
    <mergeCell ref="X4:AQ4"/>
    <mergeCell ref="CN4:CR4"/>
    <mergeCell ref="CS4:CW4"/>
    <mergeCell ref="CX4:DB4"/>
    <mergeCell ref="S4:V4"/>
    <mergeCell ref="AR4:AV4"/>
    <mergeCell ref="AY4:BA4"/>
    <mergeCell ref="BD4:BF4"/>
    <mergeCell ref="BK4:BO4"/>
    <mergeCell ref="BR4:BT4"/>
    <mergeCell ref="BW4:BY4"/>
    <mergeCell ref="CI6:DB6"/>
    <mergeCell ref="BB6:BC6"/>
    <mergeCell ref="AY6:BA12"/>
    <mergeCell ref="BB7:BC8"/>
    <mergeCell ref="BD7:BQ8"/>
    <mergeCell ref="BR8:BU8"/>
    <mergeCell ref="BV8:BW8"/>
    <mergeCell ref="BX8:BY8"/>
    <mergeCell ref="BZ8:CA8"/>
    <mergeCell ref="A6:I6"/>
    <mergeCell ref="CI25:DB25"/>
    <mergeCell ref="D50:DA50"/>
    <mergeCell ref="D51:DA51"/>
    <mergeCell ref="A13:N13"/>
    <mergeCell ref="A25:I25"/>
    <mergeCell ref="J25:AX25"/>
    <mergeCell ref="AY25:BA31"/>
    <mergeCell ref="BB25:BC25"/>
    <mergeCell ref="BT15:BU15"/>
    <mergeCell ref="BV15:BW15"/>
    <mergeCell ref="BE15:BK15"/>
    <mergeCell ref="BL15:BM15"/>
    <mergeCell ref="D33:DB33"/>
    <mergeCell ref="A51:C51"/>
    <mergeCell ref="A14:H14"/>
    <mergeCell ref="A50:C50"/>
    <mergeCell ref="AY13:BY13"/>
    <mergeCell ref="BZ13:DB13"/>
    <mergeCell ref="CI17:DB17"/>
    <mergeCell ref="BZ14:CF14"/>
    <mergeCell ref="CG14:DB14"/>
    <mergeCell ref="CG15:DB15"/>
    <mergeCell ref="V13:W13"/>
    <mergeCell ref="A22:N23"/>
    <mergeCell ref="C62:DA62"/>
    <mergeCell ref="C59:DA59"/>
    <mergeCell ref="A56:C56"/>
    <mergeCell ref="A57:C57"/>
    <mergeCell ref="A33:C33"/>
    <mergeCell ref="D56:DA56"/>
    <mergeCell ref="D55:DA55"/>
    <mergeCell ref="B53:D53"/>
    <mergeCell ref="A52:C52"/>
    <mergeCell ref="D52:DA52"/>
    <mergeCell ref="BB37:BH37"/>
    <mergeCell ref="BS37:BX37"/>
    <mergeCell ref="BK37:BQ37"/>
    <mergeCell ref="BP40:BZ40"/>
    <mergeCell ref="BP43:CW43"/>
    <mergeCell ref="A2:AW2"/>
    <mergeCell ref="C68:DA68"/>
    <mergeCell ref="A1:DB1"/>
    <mergeCell ref="CH2:DB2"/>
    <mergeCell ref="BV2:CG2"/>
    <mergeCell ref="AD14:AK14"/>
    <mergeCell ref="AF15:AG15"/>
    <mergeCell ref="AH15:AI15"/>
    <mergeCell ref="J17:AX17"/>
    <mergeCell ref="AY14:BD14"/>
    <mergeCell ref="H38:AC38"/>
    <mergeCell ref="C67:DA67"/>
    <mergeCell ref="BX15:BY15"/>
    <mergeCell ref="BP15:BQ15"/>
    <mergeCell ref="BR15:BS15"/>
    <mergeCell ref="BZ15:CF15"/>
    <mergeCell ref="B65:DA65"/>
    <mergeCell ref="A55:C55"/>
    <mergeCell ref="BR17:CH17"/>
    <mergeCell ref="C66:DA66"/>
    <mergeCell ref="AY15:AZ15"/>
    <mergeCell ref="A15:H15"/>
    <mergeCell ref="AJ15:AK15"/>
    <mergeCell ref="A17:I17"/>
  </mergeCells>
  <phoneticPr fontId="3"/>
  <printOptions horizontalCentered="1"/>
  <pageMargins left="0" right="0" top="0.31496062992125984" bottom="0" header="0" footer="0"/>
  <pageSetup paperSize="9" scale="45" fitToHeight="2" orientation="landscape" r:id="rId1"/>
  <headerFooter alignWithMargins="0"/>
  <rowBreaks count="1" manualBreakCount="1">
    <brk id="44" max="105"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EP41"/>
  <sheetViews>
    <sheetView tabSelected="1" view="pageBreakPreview" topLeftCell="B1" zoomScale="50" zoomScaleNormal="50" zoomScaleSheetLayoutView="50" workbookViewId="0">
      <selection activeCell="DG12" sqref="DG12"/>
    </sheetView>
  </sheetViews>
  <sheetFormatPr defaultColWidth="9" defaultRowHeight="13.2" x14ac:dyDescent="0.2"/>
  <cols>
    <col min="1" max="1" width="2.44140625" style="1" customWidth="1"/>
    <col min="2" max="107" width="2.88671875" style="1" customWidth="1"/>
    <col min="108" max="16384" width="9" style="1"/>
  </cols>
  <sheetData>
    <row r="1" spans="1:146" ht="38.25" customHeight="1" x14ac:dyDescent="0.2">
      <c r="B1" s="673" t="s">
        <v>254</v>
      </c>
      <c r="C1" s="673"/>
      <c r="D1" s="673"/>
      <c r="E1" s="673"/>
      <c r="F1" s="673"/>
      <c r="G1" s="673"/>
      <c r="H1" s="673"/>
      <c r="I1" s="673"/>
      <c r="J1" s="673"/>
      <c r="K1" s="673"/>
      <c r="L1" s="673"/>
      <c r="M1" s="673"/>
      <c r="N1" s="673"/>
      <c r="O1" s="673"/>
      <c r="P1" s="673"/>
      <c r="Q1" s="673"/>
      <c r="R1" s="673"/>
      <c r="S1" s="673"/>
      <c r="T1" s="673"/>
      <c r="U1" s="673"/>
      <c r="V1" s="673"/>
      <c r="W1" s="673"/>
      <c r="X1" s="673"/>
      <c r="Y1" s="673"/>
      <c r="Z1" s="673"/>
      <c r="AA1" s="673"/>
      <c r="AB1" s="673"/>
      <c r="AC1" s="673"/>
      <c r="AD1" s="673"/>
      <c r="AE1" s="673"/>
      <c r="AF1" s="673"/>
      <c r="AG1" s="673"/>
      <c r="AH1" s="673"/>
      <c r="AI1" s="673"/>
      <c r="AJ1" s="673"/>
      <c r="AK1" s="673"/>
      <c r="AL1" s="673"/>
      <c r="AM1" s="673"/>
      <c r="AN1" s="673"/>
      <c r="AO1" s="673"/>
      <c r="AP1" s="673"/>
      <c r="AQ1" s="673"/>
      <c r="AR1" s="673"/>
      <c r="AS1" s="673"/>
      <c r="AT1" s="673"/>
      <c r="AU1" s="673"/>
      <c r="AV1" s="673"/>
      <c r="AW1" s="673"/>
      <c r="AX1" s="673"/>
      <c r="AY1" s="673"/>
      <c r="AZ1" s="673"/>
      <c r="BA1" s="673"/>
      <c r="BB1" s="673"/>
      <c r="BC1" s="673"/>
      <c r="BD1" s="673"/>
      <c r="BE1" s="673"/>
      <c r="BF1" s="673"/>
      <c r="BG1" s="673"/>
      <c r="BH1" s="673"/>
      <c r="BI1" s="673"/>
      <c r="BJ1" s="673"/>
      <c r="BK1" s="673"/>
      <c r="BL1" s="673"/>
      <c r="BM1" s="673"/>
      <c r="BN1" s="673"/>
      <c r="BO1" s="673"/>
      <c r="BP1" s="673"/>
      <c r="BQ1" s="673"/>
      <c r="BR1" s="673"/>
      <c r="BS1" s="673"/>
      <c r="BT1" s="673"/>
      <c r="BU1" s="673"/>
      <c r="BV1" s="673"/>
      <c r="BW1" s="673"/>
      <c r="BX1" s="673"/>
      <c r="BY1" s="673"/>
      <c r="BZ1" s="673"/>
      <c r="CA1" s="673"/>
      <c r="CB1" s="673"/>
      <c r="CC1" s="673"/>
      <c r="CD1" s="673"/>
      <c r="CE1" s="673"/>
      <c r="CF1" s="673"/>
      <c r="CG1" s="673"/>
      <c r="CH1" s="673"/>
      <c r="CI1" s="673"/>
      <c r="CJ1" s="673"/>
      <c r="CK1" s="673"/>
      <c r="CL1" s="673"/>
      <c r="CM1" s="673"/>
      <c r="CN1" s="673"/>
      <c r="CO1" s="673"/>
      <c r="CP1" s="673"/>
      <c r="CQ1" s="673"/>
      <c r="CR1" s="673"/>
      <c r="CS1" s="673"/>
      <c r="CT1" s="673"/>
      <c r="CU1" s="673"/>
      <c r="CV1" s="673"/>
      <c r="CW1" s="673"/>
      <c r="CX1" s="673"/>
      <c r="CY1" s="673"/>
      <c r="CZ1" s="673"/>
      <c r="DA1" s="673"/>
      <c r="DB1" s="673"/>
      <c r="DC1" s="673"/>
    </row>
    <row r="2" spans="1:146" ht="39.75" customHeight="1" x14ac:dyDescent="0.25">
      <c r="B2" s="670" t="s">
        <v>289</v>
      </c>
      <c r="C2" s="671"/>
      <c r="D2" s="671"/>
      <c r="E2" s="671"/>
      <c r="F2" s="671"/>
      <c r="G2" s="671"/>
      <c r="H2" s="671"/>
      <c r="I2" s="671"/>
      <c r="J2" s="671"/>
      <c r="K2" s="671"/>
      <c r="L2" s="671"/>
      <c r="M2" s="671"/>
      <c r="N2" s="671"/>
      <c r="O2" s="671"/>
      <c r="P2" s="671"/>
      <c r="Q2" s="671"/>
      <c r="R2" s="671"/>
      <c r="S2" s="671"/>
      <c r="T2" s="671"/>
      <c r="U2" s="671"/>
      <c r="V2" s="671"/>
      <c r="W2" s="671"/>
      <c r="X2" s="671"/>
      <c r="Y2" s="671"/>
      <c r="Z2" s="671"/>
      <c r="AA2" s="671"/>
      <c r="AB2" s="671"/>
      <c r="AC2" s="671"/>
      <c r="AD2" s="671"/>
      <c r="AE2" s="671"/>
      <c r="AF2" s="671"/>
      <c r="AG2" s="671"/>
      <c r="AH2" s="671"/>
      <c r="AI2" s="671"/>
      <c r="AJ2" s="671"/>
      <c r="AK2" s="671"/>
      <c r="AL2" s="671"/>
      <c r="AM2" s="671"/>
      <c r="AN2" s="671"/>
      <c r="AO2" s="671"/>
      <c r="AP2" s="671"/>
      <c r="AQ2" s="671"/>
      <c r="AR2" s="671"/>
      <c r="AS2" s="671"/>
      <c r="AT2" s="671"/>
      <c r="AU2" s="671"/>
      <c r="AV2" s="671"/>
      <c r="AW2" s="671"/>
      <c r="AX2" s="671"/>
      <c r="AY2" s="178"/>
      <c r="AZ2" s="178"/>
      <c r="BA2" s="178"/>
      <c r="BB2" s="178"/>
      <c r="BC2" s="178"/>
      <c r="BD2" s="178"/>
      <c r="BE2" s="178"/>
      <c r="BF2" s="178"/>
      <c r="BG2" s="178"/>
      <c r="BH2" s="178"/>
      <c r="BI2" s="178"/>
      <c r="BJ2" s="178"/>
      <c r="BK2" s="178"/>
      <c r="BL2" s="178"/>
      <c r="BM2" s="178"/>
      <c r="BN2" s="178"/>
      <c r="BO2" s="260"/>
      <c r="BP2" s="260"/>
      <c r="BQ2" s="260"/>
      <c r="BR2" s="260"/>
      <c r="BS2" s="260"/>
      <c r="BT2" s="260"/>
      <c r="BU2" s="260"/>
      <c r="BV2" s="261" t="s">
        <v>245</v>
      </c>
      <c r="BW2" s="675" t="s">
        <v>106</v>
      </c>
      <c r="BX2" s="675"/>
      <c r="BY2" s="675"/>
      <c r="BZ2" s="675"/>
      <c r="CA2" s="675"/>
      <c r="CB2" s="675"/>
      <c r="CC2" s="675"/>
      <c r="CD2" s="675"/>
      <c r="CE2" s="675"/>
      <c r="CF2" s="675"/>
      <c r="CG2" s="675"/>
      <c r="CH2" s="675"/>
      <c r="CI2" s="556"/>
      <c r="CJ2" s="556"/>
      <c r="CK2" s="556"/>
      <c r="CL2" s="556"/>
      <c r="CM2" s="556"/>
      <c r="CN2" s="556"/>
      <c r="CO2" s="556"/>
      <c r="CP2" s="556"/>
      <c r="CQ2" s="556"/>
      <c r="CR2" s="556"/>
      <c r="CS2" s="556"/>
      <c r="CT2" s="556"/>
      <c r="CU2" s="556"/>
      <c r="CV2" s="556"/>
      <c r="CW2" s="556"/>
      <c r="CX2" s="556"/>
      <c r="CY2" s="556"/>
      <c r="CZ2" s="556"/>
      <c r="DA2" s="556"/>
      <c r="DB2" s="556"/>
      <c r="DC2" s="556"/>
    </row>
    <row r="3" spans="1:146" s="64" customFormat="1" ht="11.25" customHeight="1" thickBot="1" x14ac:dyDescent="0.2">
      <c r="A3" s="48"/>
      <c r="B3" s="262"/>
      <c r="C3" s="262"/>
      <c r="D3" s="262"/>
      <c r="E3" s="262"/>
      <c r="F3" s="262"/>
      <c r="G3" s="262"/>
      <c r="H3" s="262"/>
      <c r="I3" s="262"/>
      <c r="J3" s="262"/>
      <c r="K3" s="262"/>
      <c r="L3" s="262"/>
      <c r="M3" s="262"/>
      <c r="N3" s="262"/>
      <c r="O3" s="262"/>
      <c r="P3" s="262"/>
      <c r="Q3" s="262"/>
      <c r="R3" s="262"/>
      <c r="S3" s="262"/>
      <c r="T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59"/>
      <c r="AX3" s="259"/>
      <c r="AY3" s="259"/>
      <c r="AZ3" s="259"/>
      <c r="BA3" s="259"/>
      <c r="BB3" s="259"/>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3"/>
      <c r="CE3" s="263"/>
      <c r="CF3" s="263"/>
      <c r="CG3" s="263"/>
      <c r="CH3" s="263"/>
      <c r="CI3" s="263"/>
      <c r="CJ3" s="263"/>
      <c r="CK3" s="262"/>
      <c r="CL3" s="262"/>
      <c r="CM3" s="262"/>
      <c r="CN3" s="262"/>
      <c r="CO3" s="262"/>
      <c r="CP3" s="262"/>
      <c r="CQ3" s="262"/>
      <c r="CR3" s="262"/>
      <c r="CS3" s="262"/>
      <c r="CT3" s="262"/>
      <c r="CU3" s="262"/>
      <c r="CV3" s="262"/>
      <c r="CW3" s="262"/>
      <c r="CX3" s="262"/>
      <c r="CY3" s="262"/>
      <c r="CZ3" s="262"/>
      <c r="DA3" s="262"/>
      <c r="DB3" s="262"/>
      <c r="DC3" s="262"/>
    </row>
    <row r="4" spans="1:146" s="2" customFormat="1" ht="40.5" customHeight="1" thickTop="1" thickBot="1" x14ac:dyDescent="0.2">
      <c r="A4" s="48"/>
      <c r="B4" s="752" t="s">
        <v>76</v>
      </c>
      <c r="C4" s="753"/>
      <c r="D4" s="753"/>
      <c r="E4" s="753"/>
      <c r="F4" s="753"/>
      <c r="G4" s="753"/>
      <c r="H4" s="753"/>
      <c r="I4" s="753"/>
      <c r="J4" s="753"/>
      <c r="K4" s="946" t="s">
        <v>304</v>
      </c>
      <c r="L4" s="947"/>
      <c r="M4" s="947"/>
      <c r="N4" s="947"/>
      <c r="O4" s="947"/>
      <c r="P4" s="947"/>
      <c r="Q4" s="947"/>
      <c r="R4" s="947"/>
      <c r="S4" s="947"/>
      <c r="T4" s="947"/>
      <c r="U4" s="947"/>
      <c r="V4" s="947"/>
      <c r="W4" s="947"/>
      <c r="X4" s="948"/>
      <c r="Y4" s="754" t="s">
        <v>242</v>
      </c>
      <c r="Z4" s="753"/>
      <c r="AA4" s="753"/>
      <c r="AB4" s="753"/>
      <c r="AC4" s="753"/>
      <c r="AD4" s="753"/>
      <c r="AE4" s="753"/>
      <c r="AF4" s="753"/>
      <c r="AG4" s="753"/>
      <c r="AH4" s="753"/>
      <c r="AI4" s="753"/>
      <c r="AJ4" s="753"/>
      <c r="AK4" s="753"/>
      <c r="AL4" s="753"/>
      <c r="AM4" s="753"/>
      <c r="AN4" s="753"/>
      <c r="AO4" s="753"/>
      <c r="AP4" s="753"/>
      <c r="AQ4" s="753"/>
      <c r="AR4" s="949"/>
      <c r="AS4" s="905" t="s">
        <v>299</v>
      </c>
      <c r="AT4" s="906"/>
      <c r="AU4" s="906"/>
      <c r="AV4" s="906"/>
      <c r="AW4" s="906"/>
      <c r="AX4" s="906"/>
      <c r="AY4" s="906"/>
      <c r="AZ4" s="906"/>
      <c r="BA4" s="906"/>
      <c r="BB4" s="906"/>
      <c r="BC4" s="906"/>
      <c r="BD4" s="906"/>
      <c r="BE4" s="906"/>
      <c r="BF4" s="906"/>
      <c r="BG4" s="906"/>
      <c r="BH4" s="906"/>
      <c r="BI4" s="906"/>
      <c r="BJ4" s="906"/>
      <c r="BK4" s="906"/>
      <c r="BL4" s="906"/>
      <c r="BM4" s="906"/>
      <c r="BN4" s="906"/>
      <c r="BO4" s="906"/>
      <c r="BP4" s="906"/>
      <c r="BQ4" s="906"/>
      <c r="BR4" s="906"/>
      <c r="BS4" s="906"/>
      <c r="BT4" s="906"/>
      <c r="BU4" s="906"/>
      <c r="BV4" s="906"/>
      <c r="BW4" s="906"/>
      <c r="BX4" s="906"/>
      <c r="BY4" s="906"/>
      <c r="BZ4" s="906"/>
      <c r="CA4" s="906"/>
      <c r="CB4" s="906"/>
      <c r="CC4" s="906"/>
      <c r="CD4" s="906"/>
      <c r="CE4" s="906"/>
      <c r="CF4" s="906"/>
      <c r="CG4" s="907"/>
      <c r="CH4" s="295"/>
      <c r="CI4" s="295"/>
      <c r="CJ4" s="980">
        <v>1</v>
      </c>
      <c r="CK4" s="980"/>
      <c r="CL4" s="980"/>
      <c r="CM4" s="980"/>
      <c r="CN4" s="980"/>
      <c r="CO4" s="755" t="s">
        <v>80</v>
      </c>
      <c r="CP4" s="755"/>
      <c r="CQ4" s="755"/>
      <c r="CR4" s="755"/>
      <c r="CS4" s="755"/>
      <c r="CT4" s="980">
        <v>1</v>
      </c>
      <c r="CU4" s="980"/>
      <c r="CV4" s="980"/>
      <c r="CW4" s="980"/>
      <c r="CX4" s="980"/>
      <c r="CY4" s="755" t="s">
        <v>81</v>
      </c>
      <c r="CZ4" s="755"/>
      <c r="DA4" s="755"/>
      <c r="DB4" s="755"/>
      <c r="DC4" s="755"/>
    </row>
    <row r="5" spans="1:146" s="64" customFormat="1" ht="11.25" customHeight="1" thickTop="1" thickBot="1" x14ac:dyDescent="0.2">
      <c r="A5" s="48"/>
      <c r="B5" s="262"/>
      <c r="C5" s="262"/>
      <c r="D5" s="262"/>
      <c r="E5" s="262"/>
      <c r="F5" s="262"/>
      <c r="G5" s="262"/>
      <c r="H5" s="262"/>
      <c r="I5" s="262"/>
      <c r="J5" s="262"/>
      <c r="K5" s="262"/>
      <c r="L5" s="262"/>
      <c r="M5" s="262"/>
      <c r="N5" s="262"/>
      <c r="O5" s="262"/>
      <c r="P5" s="262"/>
      <c r="Q5" s="26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2"/>
      <c r="AT5" s="262"/>
      <c r="AU5" s="262"/>
      <c r="AV5" s="262"/>
      <c r="AW5" s="259"/>
      <c r="AX5" s="259"/>
      <c r="AY5" s="259"/>
      <c r="AZ5" s="259"/>
      <c r="BA5" s="259"/>
      <c r="BB5" s="259"/>
      <c r="BC5" s="262"/>
      <c r="BD5" s="262"/>
      <c r="BE5" s="262"/>
      <c r="BF5" s="262"/>
      <c r="BG5" s="262"/>
      <c r="BH5" s="262"/>
      <c r="BI5" s="262"/>
      <c r="BJ5" s="262"/>
      <c r="BK5" s="262"/>
      <c r="BL5" s="262"/>
      <c r="BM5" s="262"/>
      <c r="BN5" s="262"/>
      <c r="BO5" s="262"/>
      <c r="BP5" s="262"/>
      <c r="BQ5" s="262"/>
      <c r="BR5" s="262"/>
      <c r="BS5" s="262"/>
      <c r="BT5" s="262"/>
      <c r="BU5" s="262"/>
      <c r="BV5" s="262"/>
      <c r="BW5" s="262"/>
      <c r="BX5" s="262"/>
      <c r="BY5" s="262"/>
      <c r="BZ5" s="262"/>
      <c r="CA5" s="262"/>
      <c r="CB5" s="262"/>
      <c r="CC5" s="262"/>
      <c r="CD5" s="263"/>
      <c r="CE5" s="263"/>
      <c r="CF5" s="263"/>
      <c r="CG5" s="263"/>
      <c r="CH5" s="263"/>
      <c r="CI5" s="263"/>
      <c r="CJ5" s="263"/>
      <c r="CK5" s="262"/>
      <c r="CL5" s="262"/>
      <c r="CM5" s="262"/>
      <c r="CN5" s="262"/>
      <c r="CO5" s="262"/>
      <c r="CP5" s="262"/>
      <c r="CQ5" s="262"/>
      <c r="CR5" s="262"/>
      <c r="CS5" s="262"/>
      <c r="CT5" s="262"/>
      <c r="CU5" s="262"/>
      <c r="CV5" s="262"/>
      <c r="CW5" s="262"/>
      <c r="CX5" s="262"/>
      <c r="CY5" s="262"/>
      <c r="CZ5" s="262"/>
      <c r="DA5" s="262"/>
      <c r="DB5" s="262"/>
      <c r="DC5" s="262"/>
    </row>
    <row r="6" spans="1:146" s="2" customFormat="1" ht="27.75" customHeight="1" thickTop="1" x14ac:dyDescent="0.15">
      <c r="A6" s="3"/>
      <c r="B6" s="701" t="s">
        <v>290</v>
      </c>
      <c r="C6" s="702"/>
      <c r="D6" s="702"/>
      <c r="E6" s="702"/>
      <c r="F6" s="702"/>
      <c r="G6" s="702"/>
      <c r="H6" s="702"/>
      <c r="I6" s="702"/>
      <c r="J6" s="702"/>
      <c r="K6" s="939" t="s">
        <v>292</v>
      </c>
      <c r="L6" s="940"/>
      <c r="M6" s="940"/>
      <c r="N6" s="940"/>
      <c r="O6" s="940"/>
      <c r="P6" s="940"/>
      <c r="Q6" s="940"/>
      <c r="R6" s="940"/>
      <c r="S6" s="940"/>
      <c r="T6" s="940"/>
      <c r="U6" s="940"/>
      <c r="V6" s="940"/>
      <c r="W6" s="940"/>
      <c r="X6" s="940"/>
      <c r="Y6" s="940"/>
      <c r="Z6" s="940"/>
      <c r="AA6" s="940"/>
      <c r="AB6" s="940"/>
      <c r="AC6" s="940"/>
      <c r="AD6" s="940"/>
      <c r="AE6" s="940"/>
      <c r="AF6" s="940"/>
      <c r="AG6" s="940"/>
      <c r="AH6" s="940"/>
      <c r="AI6" s="940"/>
      <c r="AJ6" s="940"/>
      <c r="AK6" s="940"/>
      <c r="AL6" s="940"/>
      <c r="AM6" s="940"/>
      <c r="AN6" s="940"/>
      <c r="AO6" s="940"/>
      <c r="AP6" s="940"/>
      <c r="AQ6" s="940"/>
      <c r="AR6" s="940"/>
      <c r="AS6" s="940"/>
      <c r="AT6" s="940"/>
      <c r="AU6" s="940"/>
      <c r="AV6" s="940"/>
      <c r="AW6" s="940"/>
      <c r="AX6" s="940"/>
      <c r="AY6" s="941"/>
      <c r="AZ6" s="716" t="s">
        <v>233</v>
      </c>
      <c r="BA6" s="759"/>
      <c r="BB6" s="759"/>
      <c r="BC6" s="722"/>
      <c r="BD6" s="723"/>
      <c r="BE6" s="777" t="s">
        <v>181</v>
      </c>
      <c r="BF6" s="778"/>
      <c r="BG6" s="778"/>
      <c r="BH6" s="778"/>
      <c r="BI6" s="778"/>
      <c r="BJ6" s="778"/>
      <c r="BK6" s="778"/>
      <c r="BL6" s="778"/>
      <c r="BM6" s="778"/>
      <c r="BN6" s="778"/>
      <c r="BO6" s="778"/>
      <c r="BP6" s="778"/>
      <c r="BQ6" s="778"/>
      <c r="BR6" s="778"/>
      <c r="BS6" s="692" t="s">
        <v>105</v>
      </c>
      <c r="BT6" s="693"/>
      <c r="BU6" s="693"/>
      <c r="BV6" s="693"/>
      <c r="BW6" s="693"/>
      <c r="BX6" s="693"/>
      <c r="BY6" s="693"/>
      <c r="BZ6" s="693"/>
      <c r="CA6" s="693"/>
      <c r="CB6" s="693"/>
      <c r="CC6" s="693"/>
      <c r="CD6" s="693"/>
      <c r="CE6" s="693"/>
      <c r="CF6" s="693"/>
      <c r="CG6" s="693"/>
      <c r="CH6" s="693"/>
      <c r="CI6" s="694"/>
      <c r="CJ6" s="712" t="s">
        <v>170</v>
      </c>
      <c r="CK6" s="712"/>
      <c r="CL6" s="712"/>
      <c r="CM6" s="712"/>
      <c r="CN6" s="712"/>
      <c r="CO6" s="712"/>
      <c r="CP6" s="712"/>
      <c r="CQ6" s="712"/>
      <c r="CR6" s="712"/>
      <c r="CS6" s="712"/>
      <c r="CT6" s="712"/>
      <c r="CU6" s="712"/>
      <c r="CV6" s="712"/>
      <c r="CW6" s="712"/>
      <c r="CX6" s="712"/>
      <c r="CY6" s="712"/>
      <c r="CZ6" s="712"/>
      <c r="DA6" s="712"/>
      <c r="DB6" s="712"/>
      <c r="DC6" s="713"/>
    </row>
    <row r="7" spans="1:146" s="2" customFormat="1" ht="53.25" customHeight="1" thickBot="1" x14ac:dyDescent="0.2">
      <c r="A7" s="3"/>
      <c r="B7" s="883" t="s">
        <v>236</v>
      </c>
      <c r="C7" s="884"/>
      <c r="D7" s="884"/>
      <c r="E7" s="884"/>
      <c r="F7" s="884"/>
      <c r="G7" s="884"/>
      <c r="H7" s="884"/>
      <c r="I7" s="884"/>
      <c r="J7" s="884"/>
      <c r="K7" s="942" t="s">
        <v>296</v>
      </c>
      <c r="L7" s="943"/>
      <c r="M7" s="943"/>
      <c r="N7" s="943"/>
      <c r="O7" s="943"/>
      <c r="P7" s="943"/>
      <c r="Q7" s="943"/>
      <c r="R7" s="943"/>
      <c r="S7" s="943"/>
      <c r="T7" s="943"/>
      <c r="U7" s="943"/>
      <c r="V7" s="943"/>
      <c r="W7" s="943"/>
      <c r="X7" s="943"/>
      <c r="Y7" s="943"/>
      <c r="Z7" s="943"/>
      <c r="AA7" s="943"/>
      <c r="AB7" s="943"/>
      <c r="AC7" s="943"/>
      <c r="AD7" s="943"/>
      <c r="AE7" s="943"/>
      <c r="AF7" s="943"/>
      <c r="AG7" s="943"/>
      <c r="AH7" s="943"/>
      <c r="AI7" s="943"/>
      <c r="AJ7" s="943"/>
      <c r="AK7" s="943"/>
      <c r="AL7" s="943"/>
      <c r="AM7" s="943"/>
      <c r="AN7" s="943"/>
      <c r="AO7" s="943"/>
      <c r="AP7" s="943"/>
      <c r="AQ7" s="943"/>
      <c r="AR7" s="943"/>
      <c r="AS7" s="943"/>
      <c r="AT7" s="943"/>
      <c r="AU7" s="943"/>
      <c r="AV7" s="943"/>
      <c r="AW7" s="943"/>
      <c r="AX7" s="943"/>
      <c r="AY7" s="944"/>
      <c r="AZ7" s="760"/>
      <c r="BA7" s="761"/>
      <c r="BB7" s="761"/>
      <c r="BC7" s="888">
        <v>1</v>
      </c>
      <c r="BD7" s="889"/>
      <c r="BE7" s="890"/>
      <c r="BF7" s="890"/>
      <c r="BG7" s="890"/>
      <c r="BH7" s="890"/>
      <c r="BI7" s="890"/>
      <c r="BJ7" s="890"/>
      <c r="BK7" s="890"/>
      <c r="BL7" s="890"/>
      <c r="BM7" s="890"/>
      <c r="BN7" s="890"/>
      <c r="BO7" s="890"/>
      <c r="BP7" s="890"/>
      <c r="BQ7" s="890"/>
      <c r="BR7" s="890"/>
      <c r="BS7" s="891" t="s">
        <v>234</v>
      </c>
      <c r="BT7" s="891"/>
      <c r="BU7" s="891"/>
      <c r="BV7" s="891"/>
      <c r="BW7" s="891"/>
      <c r="BX7" s="891"/>
      <c r="BY7" s="891"/>
      <c r="BZ7" s="891"/>
      <c r="CA7" s="891"/>
      <c r="CB7" s="891"/>
      <c r="CC7" s="891"/>
      <c r="CD7" s="891"/>
      <c r="CE7" s="891"/>
      <c r="CF7" s="891"/>
      <c r="CG7" s="891"/>
      <c r="CH7" s="891"/>
      <c r="CI7" s="891"/>
      <c r="CJ7" s="891"/>
      <c r="CK7" s="891"/>
      <c r="CL7" s="891"/>
      <c r="CM7" s="891"/>
      <c r="CN7" s="891"/>
      <c r="CO7" s="891"/>
      <c r="CP7" s="891"/>
      <c r="CQ7" s="891"/>
      <c r="CR7" s="891"/>
      <c r="CS7" s="891"/>
      <c r="CT7" s="891"/>
      <c r="CU7" s="891"/>
      <c r="CV7" s="891"/>
      <c r="CW7" s="891"/>
      <c r="CX7" s="891"/>
      <c r="CY7" s="891"/>
      <c r="CZ7" s="891"/>
      <c r="DA7" s="891"/>
      <c r="DB7" s="891"/>
      <c r="DC7" s="892"/>
    </row>
    <row r="8" spans="1:146" s="2" customFormat="1" ht="53.25" customHeight="1" thickBot="1" x14ac:dyDescent="0.2">
      <c r="A8" s="3"/>
      <c r="B8" s="714" t="s">
        <v>246</v>
      </c>
      <c r="C8" s="715"/>
      <c r="D8" s="715"/>
      <c r="E8" s="715"/>
      <c r="F8" s="715"/>
      <c r="G8" s="715"/>
      <c r="H8" s="715"/>
      <c r="I8" s="715"/>
      <c r="J8" s="896"/>
      <c r="K8" s="897" t="s">
        <v>303</v>
      </c>
      <c r="L8" s="898"/>
      <c r="M8" s="898"/>
      <c r="N8" s="898"/>
      <c r="O8" s="898"/>
      <c r="P8" s="898"/>
      <c r="Q8" s="898"/>
      <c r="R8" s="898"/>
      <c r="S8" s="898"/>
      <c r="T8" s="898"/>
      <c r="U8" s="898"/>
      <c r="V8" s="898"/>
      <c r="W8" s="898"/>
      <c r="X8" s="898"/>
      <c r="Y8" s="898"/>
      <c r="Z8" s="898"/>
      <c r="AA8" s="898"/>
      <c r="AB8" s="898"/>
      <c r="AC8" s="898"/>
      <c r="AD8" s="898"/>
      <c r="AE8" s="898"/>
      <c r="AF8" s="898"/>
      <c r="AG8" s="899"/>
      <c r="AH8" s="900" t="s">
        <v>14</v>
      </c>
      <c r="AI8" s="901"/>
      <c r="AJ8" s="901"/>
      <c r="AK8" s="901"/>
      <c r="AL8" s="901"/>
      <c r="AM8" s="901"/>
      <c r="AN8" s="901"/>
      <c r="AO8" s="931" t="s">
        <v>255</v>
      </c>
      <c r="AP8" s="973"/>
      <c r="AQ8" s="973"/>
      <c r="AR8" s="973"/>
      <c r="AS8" s="973"/>
      <c r="AT8" s="973"/>
      <c r="AU8" s="973"/>
      <c r="AV8" s="973"/>
      <c r="AW8" s="973"/>
      <c r="AX8" s="973"/>
      <c r="AY8" s="974"/>
      <c r="AZ8" s="760"/>
      <c r="BA8" s="761"/>
      <c r="BB8" s="761"/>
      <c r="BC8" s="888">
        <v>2</v>
      </c>
      <c r="BD8" s="889"/>
      <c r="BE8" s="890"/>
      <c r="BF8" s="890"/>
      <c r="BG8" s="890"/>
      <c r="BH8" s="890"/>
      <c r="BI8" s="890"/>
      <c r="BJ8" s="890"/>
      <c r="BK8" s="890"/>
      <c r="BL8" s="890"/>
      <c r="BM8" s="890"/>
      <c r="BN8" s="890"/>
      <c r="BO8" s="890"/>
      <c r="BP8" s="890"/>
      <c r="BQ8" s="890"/>
      <c r="BR8" s="890"/>
      <c r="BS8" s="891" t="s">
        <v>234</v>
      </c>
      <c r="BT8" s="891"/>
      <c r="BU8" s="891"/>
      <c r="BV8" s="891"/>
      <c r="BW8" s="891"/>
      <c r="BX8" s="891"/>
      <c r="BY8" s="891"/>
      <c r="BZ8" s="891"/>
      <c r="CA8" s="891"/>
      <c r="CB8" s="891"/>
      <c r="CC8" s="891"/>
      <c r="CD8" s="891"/>
      <c r="CE8" s="891"/>
      <c r="CF8" s="891"/>
      <c r="CG8" s="891"/>
      <c r="CH8" s="891"/>
      <c r="CI8" s="891"/>
      <c r="CJ8" s="891"/>
      <c r="CK8" s="891"/>
      <c r="CL8" s="891"/>
      <c r="CM8" s="891"/>
      <c r="CN8" s="891"/>
      <c r="CO8" s="891"/>
      <c r="CP8" s="891"/>
      <c r="CQ8" s="891"/>
      <c r="CR8" s="891"/>
      <c r="CS8" s="891"/>
      <c r="CT8" s="891"/>
      <c r="CU8" s="891"/>
      <c r="CV8" s="891"/>
      <c r="CW8" s="891"/>
      <c r="CX8" s="891"/>
      <c r="CY8" s="891"/>
      <c r="CZ8" s="891"/>
      <c r="DA8" s="891"/>
      <c r="DB8" s="891"/>
      <c r="DC8" s="892"/>
    </row>
    <row r="9" spans="1:146" s="2" customFormat="1" ht="54.75" customHeight="1" thickBot="1" x14ac:dyDescent="0.2">
      <c r="A9" s="181"/>
      <c r="B9" s="714" t="s">
        <v>298</v>
      </c>
      <c r="C9" s="715"/>
      <c r="D9" s="715"/>
      <c r="E9" s="715"/>
      <c r="F9" s="715"/>
      <c r="G9" s="715"/>
      <c r="H9" s="715"/>
      <c r="I9" s="715"/>
      <c r="J9" s="715"/>
      <c r="K9" s="715"/>
      <c r="L9" s="715"/>
      <c r="M9" s="715"/>
      <c r="N9" s="715"/>
      <c r="O9" s="715"/>
      <c r="P9" s="975" t="s">
        <v>256</v>
      </c>
      <c r="Q9" s="976"/>
      <c r="R9" s="976"/>
      <c r="S9" s="976"/>
      <c r="T9" s="976"/>
      <c r="U9" s="976"/>
      <c r="V9" s="976"/>
      <c r="W9" s="976"/>
      <c r="X9" s="976"/>
      <c r="Y9" s="976"/>
      <c r="Z9" s="976"/>
      <c r="AA9" s="976"/>
      <c r="AB9" s="976"/>
      <c r="AC9" s="976"/>
      <c r="AD9" s="976"/>
      <c r="AE9" s="976"/>
      <c r="AF9" s="976"/>
      <c r="AG9" s="976"/>
      <c r="AH9" s="976"/>
      <c r="AI9" s="976"/>
      <c r="AJ9" s="976"/>
      <c r="AK9" s="976"/>
      <c r="AL9" s="976"/>
      <c r="AM9" s="976"/>
      <c r="AN9" s="976"/>
      <c r="AO9" s="976"/>
      <c r="AP9" s="976"/>
      <c r="AQ9" s="976"/>
      <c r="AR9" s="976"/>
      <c r="AS9" s="976"/>
      <c r="AT9" s="976"/>
      <c r="AU9" s="976"/>
      <c r="AV9" s="976"/>
      <c r="AW9" s="976"/>
      <c r="AX9" s="976"/>
      <c r="AY9" s="977"/>
      <c r="AZ9" s="762"/>
      <c r="BA9" s="763"/>
      <c r="BB9" s="763"/>
      <c r="BC9" s="954">
        <v>3</v>
      </c>
      <c r="BD9" s="955"/>
      <c r="BE9" s="908"/>
      <c r="BF9" s="908"/>
      <c r="BG9" s="908"/>
      <c r="BH9" s="908"/>
      <c r="BI9" s="908"/>
      <c r="BJ9" s="908"/>
      <c r="BK9" s="908"/>
      <c r="BL9" s="908"/>
      <c r="BM9" s="908"/>
      <c r="BN9" s="908"/>
      <c r="BO9" s="908"/>
      <c r="BP9" s="908"/>
      <c r="BQ9" s="908"/>
      <c r="BR9" s="908"/>
      <c r="BS9" s="909" t="s">
        <v>234</v>
      </c>
      <c r="BT9" s="909"/>
      <c r="BU9" s="909"/>
      <c r="BV9" s="909"/>
      <c r="BW9" s="909"/>
      <c r="BX9" s="909"/>
      <c r="BY9" s="909"/>
      <c r="BZ9" s="909"/>
      <c r="CA9" s="909"/>
      <c r="CB9" s="909"/>
      <c r="CC9" s="909"/>
      <c r="CD9" s="909"/>
      <c r="CE9" s="909"/>
      <c r="CF9" s="909"/>
      <c r="CG9" s="909"/>
      <c r="CH9" s="909"/>
      <c r="CI9" s="909"/>
      <c r="CJ9" s="909"/>
      <c r="CK9" s="909"/>
      <c r="CL9" s="909"/>
      <c r="CM9" s="909"/>
      <c r="CN9" s="909"/>
      <c r="CO9" s="909"/>
      <c r="CP9" s="909"/>
      <c r="CQ9" s="909"/>
      <c r="CR9" s="909"/>
      <c r="CS9" s="909"/>
      <c r="CT9" s="909"/>
      <c r="CU9" s="909"/>
      <c r="CV9" s="909"/>
      <c r="CW9" s="909"/>
      <c r="CX9" s="909"/>
      <c r="CY9" s="909"/>
      <c r="CZ9" s="909"/>
      <c r="DA9" s="909"/>
      <c r="DB9" s="909"/>
      <c r="DC9" s="945"/>
    </row>
    <row r="10" spans="1:146" s="2" customFormat="1" ht="54.75" customHeight="1" thickBot="1" x14ac:dyDescent="0.2">
      <c r="A10" s="181"/>
      <c r="B10" s="714" t="s">
        <v>105</v>
      </c>
      <c r="C10" s="715"/>
      <c r="D10" s="715"/>
      <c r="E10" s="715"/>
      <c r="F10" s="715"/>
      <c r="G10" s="715"/>
      <c r="H10" s="715"/>
      <c r="I10" s="715"/>
      <c r="J10" s="715"/>
      <c r="K10" s="715"/>
      <c r="L10" s="715"/>
      <c r="M10" s="715"/>
      <c r="N10" s="715"/>
      <c r="O10" s="715"/>
      <c r="P10" s="978" t="s">
        <v>302</v>
      </c>
      <c r="Q10" s="828"/>
      <c r="R10" s="828"/>
      <c r="S10" s="828"/>
      <c r="T10" s="828"/>
      <c r="U10" s="828"/>
      <c r="V10" s="828"/>
      <c r="W10" s="828"/>
      <c r="X10" s="828"/>
      <c r="Y10" s="828"/>
      <c r="Z10" s="828"/>
      <c r="AA10" s="828"/>
      <c r="AB10" s="828"/>
      <c r="AC10" s="828"/>
      <c r="AD10" s="828"/>
      <c r="AE10" s="828"/>
      <c r="AF10" s="828"/>
      <c r="AG10" s="828"/>
      <c r="AH10" s="828"/>
      <c r="AI10" s="828"/>
      <c r="AJ10" s="828"/>
      <c r="AK10" s="828"/>
      <c r="AL10" s="828"/>
      <c r="AM10" s="828"/>
      <c r="AN10" s="828"/>
      <c r="AO10" s="828"/>
      <c r="AP10" s="828"/>
      <c r="AQ10" s="828"/>
      <c r="AR10" s="828"/>
      <c r="AS10" s="828"/>
      <c r="AT10" s="828"/>
      <c r="AU10" s="828"/>
      <c r="AV10" s="828"/>
      <c r="AW10" s="828"/>
      <c r="AX10" s="828"/>
      <c r="AY10" s="979"/>
      <c r="AZ10" s="732" t="s">
        <v>235</v>
      </c>
      <c r="BA10" s="733"/>
      <c r="BB10" s="733"/>
      <c r="BC10" s="733"/>
      <c r="BD10" s="733"/>
      <c r="BE10" s="733"/>
      <c r="BF10" s="733"/>
      <c r="BG10" s="733"/>
      <c r="BH10" s="733"/>
      <c r="BI10" s="733"/>
      <c r="BJ10" s="733"/>
      <c r="BK10" s="733"/>
      <c r="BL10" s="733"/>
      <c r="BM10" s="733"/>
      <c r="BN10" s="733"/>
      <c r="BO10" s="733"/>
      <c r="BP10" s="733"/>
      <c r="BQ10" s="733"/>
      <c r="BR10" s="733"/>
      <c r="BS10" s="733"/>
      <c r="BT10" s="733"/>
      <c r="BU10" s="733"/>
      <c r="BV10" s="733"/>
      <c r="BW10" s="733"/>
      <c r="BX10" s="733"/>
      <c r="BY10" s="733"/>
      <c r="BZ10" s="733"/>
      <c r="CA10" s="951"/>
      <c r="CB10" s="952"/>
      <c r="CC10" s="952"/>
      <c r="CD10" s="952"/>
      <c r="CE10" s="952"/>
      <c r="CF10" s="952"/>
      <c r="CG10" s="952"/>
      <c r="CH10" s="952"/>
      <c r="CI10" s="952"/>
      <c r="CJ10" s="952"/>
      <c r="CK10" s="952"/>
      <c r="CL10" s="952"/>
      <c r="CM10" s="952"/>
      <c r="CN10" s="952"/>
      <c r="CO10" s="952"/>
      <c r="CP10" s="952"/>
      <c r="CQ10" s="952"/>
      <c r="CR10" s="952"/>
      <c r="CS10" s="952"/>
      <c r="CT10" s="952"/>
      <c r="CU10" s="952"/>
      <c r="CV10" s="952"/>
      <c r="CW10" s="952"/>
      <c r="CX10" s="952"/>
      <c r="CY10" s="952"/>
      <c r="CZ10" s="952"/>
      <c r="DA10" s="952"/>
      <c r="DB10" s="952"/>
      <c r="DC10" s="953"/>
    </row>
    <row r="11" spans="1:146" s="2" customFormat="1" ht="39" customHeight="1" x14ac:dyDescent="0.15">
      <c r="A11" s="3"/>
      <c r="B11" s="731" t="s">
        <v>100</v>
      </c>
      <c r="C11" s="677"/>
      <c r="D11" s="677"/>
      <c r="E11" s="677"/>
      <c r="F11" s="677"/>
      <c r="G11" s="677"/>
      <c r="H11" s="677"/>
      <c r="I11" s="678"/>
      <c r="J11" s="801" t="s">
        <v>99</v>
      </c>
      <c r="K11" s="802"/>
      <c r="L11" s="802"/>
      <c r="M11" s="802"/>
      <c r="N11" s="802"/>
      <c r="O11" s="803"/>
      <c r="P11" s="966" t="s">
        <v>158</v>
      </c>
      <c r="Q11" s="966"/>
      <c r="R11" s="966"/>
      <c r="S11" s="966"/>
      <c r="T11" s="966"/>
      <c r="U11" s="966"/>
      <c r="V11" s="966"/>
      <c r="W11" s="966"/>
      <c r="X11" s="966"/>
      <c r="Y11" s="966"/>
      <c r="Z11" s="966"/>
      <c r="AA11" s="966"/>
      <c r="AB11" s="966"/>
      <c r="AC11" s="966"/>
      <c r="AD11" s="967"/>
      <c r="AE11" s="676" t="s">
        <v>19</v>
      </c>
      <c r="AF11" s="677"/>
      <c r="AG11" s="677"/>
      <c r="AH11" s="677"/>
      <c r="AI11" s="677"/>
      <c r="AJ11" s="677"/>
      <c r="AK11" s="677"/>
      <c r="AL11" s="678"/>
      <c r="AM11" s="965" t="s">
        <v>159</v>
      </c>
      <c r="AN11" s="966"/>
      <c r="AO11" s="966"/>
      <c r="AP11" s="966"/>
      <c r="AQ11" s="966"/>
      <c r="AR11" s="966"/>
      <c r="AS11" s="966"/>
      <c r="AT11" s="966"/>
      <c r="AU11" s="966"/>
      <c r="AV11" s="966"/>
      <c r="AW11" s="966"/>
      <c r="AX11" s="966"/>
      <c r="AY11" s="967"/>
      <c r="AZ11" s="676" t="s">
        <v>20</v>
      </c>
      <c r="BA11" s="677"/>
      <c r="BB11" s="677"/>
      <c r="BC11" s="683"/>
      <c r="BD11" s="683"/>
      <c r="BE11" s="684"/>
      <c r="BF11" s="780" t="s">
        <v>84</v>
      </c>
      <c r="BG11" s="781"/>
      <c r="BH11" s="781"/>
      <c r="BI11" s="781"/>
      <c r="BJ11" s="781"/>
      <c r="BK11" s="781"/>
      <c r="BL11" s="782"/>
      <c r="BM11" s="779" t="s">
        <v>18</v>
      </c>
      <c r="BN11" s="683"/>
      <c r="BO11" s="683"/>
      <c r="BP11" s="683"/>
      <c r="BQ11" s="683"/>
      <c r="BR11" s="683"/>
      <c r="BS11" s="683"/>
      <c r="BT11" s="683"/>
      <c r="BU11" s="683"/>
      <c r="BV11" s="683"/>
      <c r="BW11" s="683"/>
      <c r="BX11" s="683"/>
      <c r="BY11" s="683"/>
      <c r="BZ11" s="684"/>
      <c r="CA11" s="737" t="s">
        <v>160</v>
      </c>
      <c r="CB11" s="738"/>
      <c r="CC11" s="738"/>
      <c r="CD11" s="738"/>
      <c r="CE11" s="738"/>
      <c r="CF11" s="738"/>
      <c r="CG11" s="739"/>
      <c r="CH11" s="956"/>
      <c r="CI11" s="957"/>
      <c r="CJ11" s="957"/>
      <c r="CK11" s="957"/>
      <c r="CL11" s="957"/>
      <c r="CM11" s="957"/>
      <c r="CN11" s="957"/>
      <c r="CO11" s="957"/>
      <c r="CP11" s="957"/>
      <c r="CQ11" s="957"/>
      <c r="CR11" s="957"/>
      <c r="CS11" s="957"/>
      <c r="CT11" s="957"/>
      <c r="CU11" s="957"/>
      <c r="CV11" s="957"/>
      <c r="CW11" s="957"/>
      <c r="CX11" s="957"/>
      <c r="CY11" s="957"/>
      <c r="CZ11" s="957"/>
      <c r="DA11" s="957"/>
      <c r="DB11" s="957"/>
      <c r="DC11" s="958"/>
    </row>
    <row r="12" spans="1:146" s="2" customFormat="1" ht="73.5" customHeight="1" thickBot="1" x14ac:dyDescent="0.2">
      <c r="A12" s="3"/>
      <c r="B12" s="698" t="s">
        <v>249</v>
      </c>
      <c r="C12" s="699"/>
      <c r="D12" s="699"/>
      <c r="E12" s="699"/>
      <c r="F12" s="699"/>
      <c r="G12" s="699"/>
      <c r="H12" s="699"/>
      <c r="I12" s="700"/>
      <c r="J12" s="804"/>
      <c r="K12" s="805"/>
      <c r="L12" s="805"/>
      <c r="M12" s="805"/>
      <c r="N12" s="805"/>
      <c r="O12" s="806"/>
      <c r="P12" s="969"/>
      <c r="Q12" s="969"/>
      <c r="R12" s="969"/>
      <c r="S12" s="969"/>
      <c r="T12" s="969"/>
      <c r="U12" s="969"/>
      <c r="V12" s="969"/>
      <c r="W12" s="969"/>
      <c r="X12" s="969"/>
      <c r="Y12" s="969"/>
      <c r="Z12" s="969"/>
      <c r="AA12" s="969"/>
      <c r="AB12" s="969"/>
      <c r="AC12" s="969"/>
      <c r="AD12" s="970"/>
      <c r="AE12" s="915"/>
      <c r="AF12" s="914"/>
      <c r="AG12" s="914"/>
      <c r="AH12" s="914"/>
      <c r="AI12" s="914"/>
      <c r="AJ12" s="914"/>
      <c r="AK12" s="914"/>
      <c r="AL12" s="950"/>
      <c r="AM12" s="968"/>
      <c r="AN12" s="969"/>
      <c r="AO12" s="969"/>
      <c r="AP12" s="969"/>
      <c r="AQ12" s="969"/>
      <c r="AR12" s="969"/>
      <c r="AS12" s="969"/>
      <c r="AT12" s="969"/>
      <c r="AU12" s="969"/>
      <c r="AV12" s="969"/>
      <c r="AW12" s="969"/>
      <c r="AX12" s="969"/>
      <c r="AY12" s="970"/>
      <c r="AZ12" s="962"/>
      <c r="BA12" s="916"/>
      <c r="BB12" s="963"/>
      <c r="BC12" s="964"/>
      <c r="BD12" s="916"/>
      <c r="BE12" s="917"/>
      <c r="BF12" s="724" t="s">
        <v>230</v>
      </c>
      <c r="BG12" s="725"/>
      <c r="BH12" s="725"/>
      <c r="BI12" s="725"/>
      <c r="BJ12" s="725"/>
      <c r="BK12" s="725"/>
      <c r="BL12" s="726"/>
      <c r="BM12" s="915"/>
      <c r="BN12" s="914"/>
      <c r="BO12" s="914"/>
      <c r="BP12" s="914"/>
      <c r="BQ12" s="914"/>
      <c r="BR12" s="914"/>
      <c r="BS12" s="914"/>
      <c r="BT12" s="914"/>
      <c r="BU12" s="914"/>
      <c r="BV12" s="914"/>
      <c r="BW12" s="914"/>
      <c r="BX12" s="914"/>
      <c r="BY12" s="914"/>
      <c r="BZ12" s="950"/>
      <c r="CA12" s="687" t="s">
        <v>21</v>
      </c>
      <c r="CB12" s="688"/>
      <c r="CC12" s="688"/>
      <c r="CD12" s="688"/>
      <c r="CE12" s="688"/>
      <c r="CF12" s="688"/>
      <c r="CG12" s="689"/>
      <c r="CH12" s="959"/>
      <c r="CI12" s="960"/>
      <c r="CJ12" s="960"/>
      <c r="CK12" s="960"/>
      <c r="CL12" s="960"/>
      <c r="CM12" s="960"/>
      <c r="CN12" s="960"/>
      <c r="CO12" s="960"/>
      <c r="CP12" s="960"/>
      <c r="CQ12" s="960"/>
      <c r="CR12" s="960"/>
      <c r="CS12" s="960"/>
      <c r="CT12" s="960"/>
      <c r="CU12" s="960"/>
      <c r="CV12" s="960"/>
      <c r="CW12" s="960"/>
      <c r="CX12" s="960"/>
      <c r="CY12" s="960"/>
      <c r="CZ12" s="960"/>
      <c r="DA12" s="960"/>
      <c r="DB12" s="960"/>
      <c r="DC12" s="961"/>
    </row>
    <row r="13" spans="1:146" s="64" customFormat="1" ht="11.25" customHeight="1" thickTop="1" thickBot="1" x14ac:dyDescent="0.2">
      <c r="A13" s="48"/>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262"/>
      <c r="AL13" s="262"/>
      <c r="AM13" s="262"/>
      <c r="AN13" s="262"/>
      <c r="AO13" s="262"/>
      <c r="AP13" s="262"/>
      <c r="AQ13" s="262"/>
      <c r="AR13" s="262"/>
      <c r="AS13" s="262"/>
      <c r="AT13" s="262"/>
      <c r="AU13" s="262"/>
      <c r="AV13" s="262"/>
      <c r="AW13" s="259"/>
      <c r="AX13" s="259"/>
      <c r="AY13" s="259"/>
      <c r="AZ13" s="259"/>
      <c r="BA13" s="259"/>
      <c r="BB13" s="259"/>
      <c r="BC13" s="262"/>
      <c r="BD13" s="262"/>
      <c r="BE13" s="262"/>
      <c r="BF13" s="262"/>
      <c r="BG13" s="262"/>
      <c r="BH13" s="262"/>
      <c r="BI13" s="262"/>
      <c r="BJ13" s="262"/>
      <c r="BK13" s="262"/>
      <c r="BL13" s="262"/>
      <c r="BM13" s="262"/>
      <c r="BN13" s="262"/>
      <c r="BO13" s="262"/>
      <c r="BP13" s="262"/>
      <c r="BQ13" s="262"/>
      <c r="BR13" s="262"/>
      <c r="BS13" s="262"/>
      <c r="BT13" s="262"/>
      <c r="BU13" s="262"/>
      <c r="BV13" s="262"/>
      <c r="BW13" s="262"/>
      <c r="BX13" s="262"/>
      <c r="BY13" s="262"/>
      <c r="BZ13" s="262"/>
      <c r="CA13" s="262"/>
      <c r="CB13" s="262"/>
      <c r="CC13" s="262"/>
      <c r="CD13" s="263"/>
      <c r="CE13" s="263"/>
      <c r="CF13" s="263"/>
      <c r="CG13" s="263"/>
      <c r="CH13" s="263"/>
      <c r="CI13" s="263"/>
      <c r="CJ13" s="263"/>
      <c r="CK13" s="262"/>
      <c r="CL13" s="262"/>
      <c r="CM13" s="262"/>
      <c r="CN13" s="262"/>
      <c r="CO13" s="262"/>
      <c r="CP13" s="262"/>
      <c r="CQ13" s="262"/>
      <c r="CR13" s="262"/>
      <c r="CS13" s="262"/>
      <c r="CT13" s="262"/>
      <c r="CU13" s="262"/>
      <c r="CV13" s="262"/>
      <c r="CW13" s="262"/>
      <c r="CX13" s="262"/>
      <c r="CY13" s="262"/>
      <c r="CZ13" s="262"/>
      <c r="DA13" s="262"/>
      <c r="DB13" s="262"/>
      <c r="DC13" s="262"/>
    </row>
    <row r="14" spans="1:146" s="53" customFormat="1" ht="27.75" customHeight="1" thickTop="1" x14ac:dyDescent="0.2">
      <c r="A14" s="182"/>
      <c r="B14" s="701" t="s">
        <v>293</v>
      </c>
      <c r="C14" s="702"/>
      <c r="D14" s="702"/>
      <c r="E14" s="702"/>
      <c r="F14" s="702"/>
      <c r="G14" s="702"/>
      <c r="H14" s="702"/>
      <c r="I14" s="702"/>
      <c r="J14" s="702"/>
      <c r="K14" s="939" t="s">
        <v>295</v>
      </c>
      <c r="L14" s="940"/>
      <c r="M14" s="940"/>
      <c r="N14" s="940"/>
      <c r="O14" s="940"/>
      <c r="P14" s="940"/>
      <c r="Q14" s="940"/>
      <c r="R14" s="940"/>
      <c r="S14" s="940"/>
      <c r="T14" s="940"/>
      <c r="U14" s="940"/>
      <c r="V14" s="940"/>
      <c r="W14" s="940"/>
      <c r="X14" s="940"/>
      <c r="Y14" s="940"/>
      <c r="Z14" s="940"/>
      <c r="AA14" s="940"/>
      <c r="AB14" s="940"/>
      <c r="AC14" s="940"/>
      <c r="AD14" s="940"/>
      <c r="AE14" s="940"/>
      <c r="AF14" s="940"/>
      <c r="AG14" s="940"/>
      <c r="AH14" s="940"/>
      <c r="AI14" s="940"/>
      <c r="AJ14" s="940"/>
      <c r="AK14" s="940"/>
      <c r="AL14" s="940"/>
      <c r="AM14" s="940"/>
      <c r="AN14" s="940"/>
      <c r="AO14" s="940"/>
      <c r="AP14" s="940"/>
      <c r="AQ14" s="940"/>
      <c r="AR14" s="940"/>
      <c r="AS14" s="940"/>
      <c r="AT14" s="940"/>
      <c r="AU14" s="940"/>
      <c r="AV14" s="940"/>
      <c r="AW14" s="940"/>
      <c r="AX14" s="940"/>
      <c r="AY14" s="941"/>
      <c r="AZ14" s="716" t="s">
        <v>233</v>
      </c>
      <c r="BA14" s="717"/>
      <c r="BB14" s="717"/>
      <c r="BC14" s="722"/>
      <c r="BD14" s="723"/>
      <c r="BE14" s="777" t="s">
        <v>181</v>
      </c>
      <c r="BF14" s="778"/>
      <c r="BG14" s="778"/>
      <c r="BH14" s="778"/>
      <c r="BI14" s="778"/>
      <c r="BJ14" s="778"/>
      <c r="BK14" s="778"/>
      <c r="BL14" s="778"/>
      <c r="BM14" s="778"/>
      <c r="BN14" s="778"/>
      <c r="BO14" s="778"/>
      <c r="BP14" s="778"/>
      <c r="BQ14" s="778"/>
      <c r="BR14" s="778"/>
      <c r="BS14" s="692" t="s">
        <v>105</v>
      </c>
      <c r="BT14" s="693"/>
      <c r="BU14" s="693"/>
      <c r="BV14" s="693"/>
      <c r="BW14" s="693"/>
      <c r="BX14" s="693"/>
      <c r="BY14" s="693"/>
      <c r="BZ14" s="693"/>
      <c r="CA14" s="693"/>
      <c r="CB14" s="693"/>
      <c r="CC14" s="693"/>
      <c r="CD14" s="693"/>
      <c r="CE14" s="693"/>
      <c r="CF14" s="693"/>
      <c r="CG14" s="693"/>
      <c r="CH14" s="693"/>
      <c r="CI14" s="694"/>
      <c r="CJ14" s="712" t="s">
        <v>170</v>
      </c>
      <c r="CK14" s="712"/>
      <c r="CL14" s="712"/>
      <c r="CM14" s="712"/>
      <c r="CN14" s="712"/>
      <c r="CO14" s="712"/>
      <c r="CP14" s="712"/>
      <c r="CQ14" s="712"/>
      <c r="CR14" s="712"/>
      <c r="CS14" s="712"/>
      <c r="CT14" s="712"/>
      <c r="CU14" s="712"/>
      <c r="CV14" s="712"/>
      <c r="CW14" s="712"/>
      <c r="CX14" s="712"/>
      <c r="CY14" s="712"/>
      <c r="CZ14" s="712"/>
      <c r="DA14" s="712"/>
      <c r="DB14" s="712"/>
      <c r="DC14" s="713"/>
      <c r="DD14" s="294"/>
      <c r="DE14" s="294"/>
      <c r="DF14" s="294"/>
      <c r="DG14" s="294"/>
      <c r="DH14" s="294"/>
      <c r="DI14" s="294"/>
      <c r="DJ14" s="294"/>
      <c r="DK14" s="294"/>
      <c r="DL14" s="294"/>
      <c r="DM14" s="218"/>
      <c r="DN14" s="218"/>
      <c r="DO14" s="218"/>
      <c r="DP14" s="218"/>
    </row>
    <row r="15" spans="1:146" s="2" customFormat="1" ht="53.25" customHeight="1" thickBot="1" x14ac:dyDescent="0.25">
      <c r="A15" s="181"/>
      <c r="B15" s="883" t="s">
        <v>237</v>
      </c>
      <c r="C15" s="884"/>
      <c r="D15" s="884"/>
      <c r="E15" s="884"/>
      <c r="F15" s="884"/>
      <c r="G15" s="884"/>
      <c r="H15" s="884"/>
      <c r="I15" s="884"/>
      <c r="J15" s="884"/>
      <c r="K15" s="942" t="s">
        <v>262</v>
      </c>
      <c r="L15" s="943"/>
      <c r="M15" s="943"/>
      <c r="N15" s="943"/>
      <c r="O15" s="943"/>
      <c r="P15" s="943"/>
      <c r="Q15" s="943"/>
      <c r="R15" s="943"/>
      <c r="S15" s="943"/>
      <c r="T15" s="943"/>
      <c r="U15" s="943"/>
      <c r="V15" s="943"/>
      <c r="W15" s="943"/>
      <c r="X15" s="943"/>
      <c r="Y15" s="943"/>
      <c r="Z15" s="943"/>
      <c r="AA15" s="943"/>
      <c r="AB15" s="943"/>
      <c r="AC15" s="943"/>
      <c r="AD15" s="943"/>
      <c r="AE15" s="943"/>
      <c r="AF15" s="943"/>
      <c r="AG15" s="943"/>
      <c r="AH15" s="943"/>
      <c r="AI15" s="943"/>
      <c r="AJ15" s="943"/>
      <c r="AK15" s="943"/>
      <c r="AL15" s="943"/>
      <c r="AM15" s="943"/>
      <c r="AN15" s="943"/>
      <c r="AO15" s="943"/>
      <c r="AP15" s="943"/>
      <c r="AQ15" s="943"/>
      <c r="AR15" s="943"/>
      <c r="AS15" s="943"/>
      <c r="AT15" s="943"/>
      <c r="AU15" s="943"/>
      <c r="AV15" s="943"/>
      <c r="AW15" s="943"/>
      <c r="AX15" s="943"/>
      <c r="AY15" s="944"/>
      <c r="AZ15" s="718"/>
      <c r="BA15" s="719"/>
      <c r="BB15" s="719"/>
      <c r="BC15" s="888">
        <v>1</v>
      </c>
      <c r="BD15" s="889"/>
      <c r="BE15" s="933" t="s">
        <v>264</v>
      </c>
      <c r="BF15" s="934"/>
      <c r="BG15" s="934"/>
      <c r="BH15" s="934"/>
      <c r="BI15" s="934"/>
      <c r="BJ15" s="934"/>
      <c r="BK15" s="934"/>
      <c r="BL15" s="934"/>
      <c r="BM15" s="934"/>
      <c r="BN15" s="934"/>
      <c r="BO15" s="934"/>
      <c r="BP15" s="934"/>
      <c r="BQ15" s="934"/>
      <c r="BR15" s="935"/>
      <c r="BS15" s="891" t="s">
        <v>285</v>
      </c>
      <c r="BT15" s="891"/>
      <c r="BU15" s="891"/>
      <c r="BV15" s="891"/>
      <c r="BW15" s="891"/>
      <c r="BX15" s="891"/>
      <c r="BY15" s="891"/>
      <c r="BZ15" s="891"/>
      <c r="CA15" s="891"/>
      <c r="CB15" s="891"/>
      <c r="CC15" s="891"/>
      <c r="CD15" s="891"/>
      <c r="CE15" s="891"/>
      <c r="CF15" s="891"/>
      <c r="CG15" s="891"/>
      <c r="CH15" s="891"/>
      <c r="CI15" s="891"/>
      <c r="CJ15" s="971" t="s">
        <v>267</v>
      </c>
      <c r="CK15" s="971"/>
      <c r="CL15" s="971"/>
      <c r="CM15" s="971"/>
      <c r="CN15" s="971"/>
      <c r="CO15" s="971"/>
      <c r="CP15" s="971"/>
      <c r="CQ15" s="971"/>
      <c r="CR15" s="971"/>
      <c r="CS15" s="971"/>
      <c r="CT15" s="971"/>
      <c r="CU15" s="971"/>
      <c r="CV15" s="971"/>
      <c r="CW15" s="971"/>
      <c r="CX15" s="971"/>
      <c r="CY15" s="971"/>
      <c r="CZ15" s="971"/>
      <c r="DA15" s="971"/>
      <c r="DB15" s="971"/>
      <c r="DC15" s="972"/>
      <c r="DD15" s="287"/>
      <c r="DE15" s="287"/>
      <c r="DF15" s="287"/>
      <c r="DG15" s="287"/>
      <c r="DH15" s="287"/>
      <c r="DI15" s="287"/>
      <c r="DJ15" s="287"/>
      <c r="DK15" s="287"/>
      <c r="DL15" s="287"/>
      <c r="DM15" s="287"/>
      <c r="DN15" s="287"/>
      <c r="DO15" s="287"/>
      <c r="DP15" s="287"/>
      <c r="DQ15" s="287"/>
      <c r="DR15" s="287"/>
      <c r="DS15" s="287"/>
      <c r="DT15" s="287"/>
      <c r="DU15" s="287"/>
      <c r="DV15" s="287"/>
      <c r="DW15" s="287"/>
      <c r="DX15" s="287"/>
      <c r="DY15" s="287"/>
      <c r="DZ15" s="287"/>
      <c r="EA15" s="287"/>
      <c r="EB15" s="287"/>
      <c r="EC15" s="287"/>
      <c r="ED15" s="294"/>
      <c r="EE15" s="294"/>
      <c r="EF15" s="294"/>
      <c r="EG15" s="294"/>
      <c r="EH15" s="294"/>
      <c r="EI15" s="294"/>
      <c r="EJ15" s="294"/>
      <c r="EK15" s="294"/>
      <c r="EL15" s="294"/>
      <c r="EM15" s="218"/>
      <c r="EN15" s="218"/>
      <c r="EO15" s="175"/>
      <c r="EP15" s="175"/>
    </row>
    <row r="16" spans="1:146" s="64" customFormat="1" ht="53.25" customHeight="1" thickBot="1" x14ac:dyDescent="0.25">
      <c r="A16" s="183"/>
      <c r="B16" s="714" t="s">
        <v>246</v>
      </c>
      <c r="C16" s="715"/>
      <c r="D16" s="715"/>
      <c r="E16" s="715"/>
      <c r="F16" s="715"/>
      <c r="G16" s="715"/>
      <c r="H16" s="715"/>
      <c r="I16" s="715"/>
      <c r="J16" s="896"/>
      <c r="K16" s="936" t="s">
        <v>300</v>
      </c>
      <c r="L16" s="937"/>
      <c r="M16" s="937"/>
      <c r="N16" s="937"/>
      <c r="O16" s="937"/>
      <c r="P16" s="937"/>
      <c r="Q16" s="937"/>
      <c r="R16" s="937"/>
      <c r="S16" s="937"/>
      <c r="T16" s="937"/>
      <c r="U16" s="937"/>
      <c r="V16" s="937"/>
      <c r="W16" s="937"/>
      <c r="X16" s="937"/>
      <c r="Y16" s="937"/>
      <c r="Z16" s="937"/>
      <c r="AA16" s="937"/>
      <c r="AB16" s="937"/>
      <c r="AC16" s="937"/>
      <c r="AD16" s="937"/>
      <c r="AE16" s="937"/>
      <c r="AF16" s="937"/>
      <c r="AG16" s="938"/>
      <c r="AH16" s="900" t="s">
        <v>14</v>
      </c>
      <c r="AI16" s="901"/>
      <c r="AJ16" s="901"/>
      <c r="AK16" s="901"/>
      <c r="AL16" s="901"/>
      <c r="AM16" s="901"/>
      <c r="AN16" s="901"/>
      <c r="AO16" s="931" t="s">
        <v>263</v>
      </c>
      <c r="AP16" s="931"/>
      <c r="AQ16" s="931"/>
      <c r="AR16" s="931"/>
      <c r="AS16" s="931"/>
      <c r="AT16" s="931"/>
      <c r="AU16" s="931"/>
      <c r="AV16" s="931"/>
      <c r="AW16" s="931"/>
      <c r="AX16" s="931"/>
      <c r="AY16" s="932"/>
      <c r="AZ16" s="718"/>
      <c r="BA16" s="719"/>
      <c r="BB16" s="719"/>
      <c r="BC16" s="888">
        <v>2</v>
      </c>
      <c r="BD16" s="889"/>
      <c r="BE16" s="933" t="s">
        <v>265</v>
      </c>
      <c r="BF16" s="934"/>
      <c r="BG16" s="934"/>
      <c r="BH16" s="934"/>
      <c r="BI16" s="934"/>
      <c r="BJ16" s="934"/>
      <c r="BK16" s="934"/>
      <c r="BL16" s="934"/>
      <c r="BM16" s="934"/>
      <c r="BN16" s="934"/>
      <c r="BO16" s="934"/>
      <c r="BP16" s="934"/>
      <c r="BQ16" s="934"/>
      <c r="BR16" s="935"/>
      <c r="BS16" s="891" t="s">
        <v>294</v>
      </c>
      <c r="BT16" s="891"/>
      <c r="BU16" s="891"/>
      <c r="BV16" s="891"/>
      <c r="BW16" s="891"/>
      <c r="BX16" s="891"/>
      <c r="BY16" s="891"/>
      <c r="BZ16" s="891"/>
      <c r="CA16" s="891"/>
      <c r="CB16" s="891"/>
      <c r="CC16" s="891"/>
      <c r="CD16" s="891"/>
      <c r="CE16" s="891"/>
      <c r="CF16" s="891"/>
      <c r="CG16" s="891"/>
      <c r="CH16" s="891"/>
      <c r="CI16" s="891"/>
      <c r="CJ16" s="925" t="s">
        <v>266</v>
      </c>
      <c r="CK16" s="925"/>
      <c r="CL16" s="925"/>
      <c r="CM16" s="925"/>
      <c r="CN16" s="925"/>
      <c r="CO16" s="925"/>
      <c r="CP16" s="925"/>
      <c r="CQ16" s="925"/>
      <c r="CR16" s="925"/>
      <c r="CS16" s="925"/>
      <c r="CT16" s="925"/>
      <c r="CU16" s="925"/>
      <c r="CV16" s="925"/>
      <c r="CW16" s="925"/>
      <c r="CX16" s="925"/>
      <c r="CY16" s="925"/>
      <c r="CZ16" s="925"/>
      <c r="DA16" s="925"/>
      <c r="DB16" s="925"/>
      <c r="DC16" s="926"/>
      <c r="DD16" s="287"/>
      <c r="DE16" s="287"/>
      <c r="DF16" s="287"/>
      <c r="DG16" s="287"/>
      <c r="DH16" s="287"/>
      <c r="DI16" s="287"/>
      <c r="DJ16" s="287"/>
      <c r="DK16" s="287"/>
      <c r="DL16" s="287"/>
      <c r="DM16" s="287"/>
      <c r="DN16" s="287"/>
      <c r="DO16" s="287"/>
      <c r="DP16" s="287"/>
      <c r="DQ16" s="287"/>
      <c r="DR16" s="287"/>
      <c r="DS16" s="287"/>
      <c r="DT16" s="287"/>
      <c r="DU16" s="287"/>
      <c r="DV16" s="287"/>
      <c r="DW16" s="287"/>
      <c r="DX16" s="287"/>
      <c r="DY16" s="287"/>
      <c r="DZ16" s="287"/>
      <c r="EA16" s="287"/>
      <c r="EB16" s="287"/>
      <c r="EC16" s="287"/>
      <c r="ED16" s="258"/>
      <c r="EE16" s="258"/>
      <c r="EF16" s="258"/>
      <c r="EG16" s="258"/>
      <c r="EH16" s="258"/>
      <c r="EI16" s="258"/>
      <c r="EJ16" s="258"/>
      <c r="EK16" s="258"/>
      <c r="EL16" s="258"/>
      <c r="EM16" s="218"/>
      <c r="EN16" s="218"/>
      <c r="EO16" s="172"/>
      <c r="EP16" s="172"/>
    </row>
    <row r="17" spans="1:146" s="103" customFormat="1" ht="53.25" customHeight="1" thickBot="1" x14ac:dyDescent="0.25">
      <c r="A17" s="184"/>
      <c r="B17" s="918" t="s">
        <v>105</v>
      </c>
      <c r="C17" s="919"/>
      <c r="D17" s="919"/>
      <c r="E17" s="919"/>
      <c r="F17" s="919"/>
      <c r="G17" s="919"/>
      <c r="H17" s="919"/>
      <c r="I17" s="919"/>
      <c r="J17" s="919"/>
      <c r="K17" s="919"/>
      <c r="L17" s="919"/>
      <c r="M17" s="919"/>
      <c r="N17" s="919"/>
      <c r="O17" s="919"/>
      <c r="P17" s="927" t="s">
        <v>301</v>
      </c>
      <c r="Q17" s="928"/>
      <c r="R17" s="928"/>
      <c r="S17" s="928"/>
      <c r="T17" s="928"/>
      <c r="U17" s="928"/>
      <c r="V17" s="928"/>
      <c r="W17" s="928"/>
      <c r="X17" s="928"/>
      <c r="Y17" s="928"/>
      <c r="Z17" s="928"/>
      <c r="AA17" s="928"/>
      <c r="AB17" s="928"/>
      <c r="AC17" s="928"/>
      <c r="AD17" s="928"/>
      <c r="AE17" s="928"/>
      <c r="AF17" s="928"/>
      <c r="AG17" s="928"/>
      <c r="AH17" s="928"/>
      <c r="AI17" s="928"/>
      <c r="AJ17" s="928"/>
      <c r="AK17" s="928"/>
      <c r="AL17" s="928"/>
      <c r="AM17" s="928"/>
      <c r="AN17" s="928"/>
      <c r="AO17" s="928"/>
      <c r="AP17" s="928"/>
      <c r="AQ17" s="928"/>
      <c r="AR17" s="928"/>
      <c r="AS17" s="928"/>
      <c r="AT17" s="928"/>
      <c r="AU17" s="928"/>
      <c r="AV17" s="928"/>
      <c r="AW17" s="928"/>
      <c r="AX17" s="928"/>
      <c r="AY17" s="929"/>
      <c r="AZ17" s="720"/>
      <c r="BA17" s="721"/>
      <c r="BB17" s="721"/>
      <c r="BC17" s="923">
        <v>3</v>
      </c>
      <c r="BD17" s="924"/>
      <c r="BE17" s="904"/>
      <c r="BF17" s="904"/>
      <c r="BG17" s="904"/>
      <c r="BH17" s="904"/>
      <c r="BI17" s="904"/>
      <c r="BJ17" s="904"/>
      <c r="BK17" s="904"/>
      <c r="BL17" s="904"/>
      <c r="BM17" s="904"/>
      <c r="BN17" s="904"/>
      <c r="BO17" s="904"/>
      <c r="BP17" s="904"/>
      <c r="BQ17" s="904"/>
      <c r="BR17" s="904"/>
      <c r="BS17" s="910" t="s">
        <v>234</v>
      </c>
      <c r="BT17" s="910"/>
      <c r="BU17" s="910"/>
      <c r="BV17" s="910"/>
      <c r="BW17" s="910"/>
      <c r="BX17" s="910"/>
      <c r="BY17" s="910"/>
      <c r="BZ17" s="910"/>
      <c r="CA17" s="910"/>
      <c r="CB17" s="910"/>
      <c r="CC17" s="910"/>
      <c r="CD17" s="910"/>
      <c r="CE17" s="910"/>
      <c r="CF17" s="910"/>
      <c r="CG17" s="910"/>
      <c r="CH17" s="910"/>
      <c r="CI17" s="910"/>
      <c r="CJ17" s="910"/>
      <c r="CK17" s="910"/>
      <c r="CL17" s="910"/>
      <c r="CM17" s="910"/>
      <c r="CN17" s="910"/>
      <c r="CO17" s="910"/>
      <c r="CP17" s="910"/>
      <c r="CQ17" s="910"/>
      <c r="CR17" s="910"/>
      <c r="CS17" s="910"/>
      <c r="CT17" s="910"/>
      <c r="CU17" s="910"/>
      <c r="CV17" s="910"/>
      <c r="CW17" s="910"/>
      <c r="CX17" s="910"/>
      <c r="CY17" s="910"/>
      <c r="CZ17" s="910"/>
      <c r="DA17" s="910"/>
      <c r="DB17" s="910"/>
      <c r="DC17" s="930"/>
      <c r="DD17" s="287"/>
      <c r="DE17" s="287"/>
      <c r="DF17" s="287"/>
      <c r="DG17" s="287"/>
      <c r="DH17" s="287"/>
      <c r="DI17" s="287"/>
      <c r="DJ17" s="287"/>
      <c r="DK17" s="287"/>
      <c r="DL17" s="287"/>
      <c r="DM17" s="287"/>
      <c r="DN17" s="287"/>
      <c r="DO17" s="287"/>
      <c r="DP17" s="287"/>
      <c r="DQ17" s="287"/>
      <c r="DR17" s="287"/>
      <c r="DS17" s="287"/>
      <c r="DT17" s="287"/>
      <c r="DU17" s="287"/>
      <c r="DV17" s="287"/>
      <c r="DW17" s="287"/>
      <c r="DX17" s="287"/>
      <c r="DY17" s="287"/>
      <c r="DZ17" s="287"/>
      <c r="EA17" s="287"/>
      <c r="EB17" s="287"/>
      <c r="EC17" s="287"/>
      <c r="ED17" s="194"/>
      <c r="EE17" s="194"/>
      <c r="EF17" s="194"/>
      <c r="EG17" s="194"/>
      <c r="EH17" s="194"/>
      <c r="EI17" s="194"/>
      <c r="EJ17" s="194"/>
      <c r="EK17" s="194"/>
      <c r="EL17" s="194"/>
      <c r="EM17" s="218"/>
      <c r="EN17" s="218"/>
      <c r="EO17" s="172"/>
      <c r="EP17" s="172"/>
    </row>
    <row r="18" spans="1:146" s="64" customFormat="1" ht="11.25" customHeight="1" thickTop="1" thickBot="1" x14ac:dyDescent="0.2">
      <c r="A18" s="48"/>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62"/>
      <c r="AR18" s="262"/>
      <c r="AS18" s="262"/>
      <c r="AT18" s="262"/>
      <c r="AU18" s="262"/>
      <c r="AV18" s="262"/>
      <c r="AW18" s="259"/>
      <c r="AX18" s="259"/>
      <c r="AY18" s="259"/>
      <c r="AZ18" s="259"/>
      <c r="BA18" s="259"/>
      <c r="BB18" s="259"/>
      <c r="BC18" s="262"/>
      <c r="BD18" s="262"/>
      <c r="BE18" s="262"/>
      <c r="BF18" s="262"/>
      <c r="BG18" s="262"/>
      <c r="BH18" s="262"/>
      <c r="BI18" s="262"/>
      <c r="BJ18" s="262"/>
      <c r="BK18" s="262"/>
      <c r="BL18" s="262"/>
      <c r="BM18" s="262"/>
      <c r="BN18" s="262"/>
      <c r="BO18" s="262"/>
      <c r="BP18" s="262"/>
      <c r="BQ18" s="262"/>
      <c r="BR18" s="262"/>
      <c r="BS18" s="262"/>
      <c r="BT18" s="262"/>
      <c r="BU18" s="262"/>
      <c r="BV18" s="262"/>
      <c r="BW18" s="262"/>
      <c r="BX18" s="262"/>
      <c r="BY18" s="262"/>
      <c r="BZ18" s="262"/>
      <c r="CA18" s="262"/>
      <c r="CB18" s="262"/>
      <c r="CC18" s="262"/>
      <c r="CD18" s="263"/>
      <c r="CE18" s="263"/>
      <c r="CF18" s="263"/>
      <c r="CG18" s="263"/>
      <c r="CH18" s="263"/>
      <c r="CI18" s="263"/>
      <c r="CJ18" s="263"/>
      <c r="CK18" s="262"/>
      <c r="CL18" s="262"/>
      <c r="CM18" s="262"/>
      <c r="CN18" s="262"/>
      <c r="CO18" s="262"/>
      <c r="CP18" s="262"/>
      <c r="CQ18" s="262"/>
      <c r="CR18" s="262"/>
      <c r="CS18" s="262"/>
      <c r="CT18" s="262"/>
      <c r="CU18" s="262"/>
      <c r="CV18" s="262"/>
      <c r="CW18" s="262"/>
      <c r="CX18" s="262"/>
      <c r="CY18" s="262"/>
      <c r="CZ18" s="262"/>
      <c r="DA18" s="262"/>
      <c r="DB18" s="262"/>
      <c r="DC18" s="262"/>
    </row>
    <row r="19" spans="1:146" s="53" customFormat="1" ht="27.75" customHeight="1" thickTop="1" x14ac:dyDescent="0.2">
      <c r="A19" s="182"/>
      <c r="B19" s="701" t="s">
        <v>290</v>
      </c>
      <c r="C19" s="702"/>
      <c r="D19" s="702"/>
      <c r="E19" s="702"/>
      <c r="F19" s="702"/>
      <c r="G19" s="702"/>
      <c r="H19" s="702"/>
      <c r="I19" s="702"/>
      <c r="J19" s="702"/>
      <c r="K19" s="893"/>
      <c r="L19" s="894"/>
      <c r="M19" s="894"/>
      <c r="N19" s="894"/>
      <c r="O19" s="894"/>
      <c r="P19" s="894"/>
      <c r="Q19" s="894"/>
      <c r="R19" s="894"/>
      <c r="S19" s="894"/>
      <c r="T19" s="894"/>
      <c r="U19" s="894"/>
      <c r="V19" s="894"/>
      <c r="W19" s="894"/>
      <c r="X19" s="894"/>
      <c r="Y19" s="894"/>
      <c r="Z19" s="894"/>
      <c r="AA19" s="894"/>
      <c r="AB19" s="894"/>
      <c r="AC19" s="894"/>
      <c r="AD19" s="894"/>
      <c r="AE19" s="894"/>
      <c r="AF19" s="894"/>
      <c r="AG19" s="894"/>
      <c r="AH19" s="894"/>
      <c r="AI19" s="894"/>
      <c r="AJ19" s="894"/>
      <c r="AK19" s="894"/>
      <c r="AL19" s="894"/>
      <c r="AM19" s="894"/>
      <c r="AN19" s="894"/>
      <c r="AO19" s="894"/>
      <c r="AP19" s="894"/>
      <c r="AQ19" s="894"/>
      <c r="AR19" s="894"/>
      <c r="AS19" s="894"/>
      <c r="AT19" s="894"/>
      <c r="AU19" s="894"/>
      <c r="AV19" s="894"/>
      <c r="AW19" s="894"/>
      <c r="AX19" s="894"/>
      <c r="AY19" s="895"/>
      <c r="AZ19" s="716" t="s">
        <v>233</v>
      </c>
      <c r="BA19" s="717"/>
      <c r="BB19" s="717"/>
      <c r="BC19" s="722"/>
      <c r="BD19" s="723"/>
      <c r="BE19" s="777" t="s">
        <v>181</v>
      </c>
      <c r="BF19" s="778"/>
      <c r="BG19" s="778"/>
      <c r="BH19" s="778"/>
      <c r="BI19" s="778"/>
      <c r="BJ19" s="778"/>
      <c r="BK19" s="778"/>
      <c r="BL19" s="778"/>
      <c r="BM19" s="778"/>
      <c r="BN19" s="778"/>
      <c r="BO19" s="778"/>
      <c r="BP19" s="778"/>
      <c r="BQ19" s="778"/>
      <c r="BR19" s="778"/>
      <c r="BS19" s="692" t="s">
        <v>105</v>
      </c>
      <c r="BT19" s="693"/>
      <c r="BU19" s="693"/>
      <c r="BV19" s="693"/>
      <c r="BW19" s="693"/>
      <c r="BX19" s="693"/>
      <c r="BY19" s="693"/>
      <c r="BZ19" s="693"/>
      <c r="CA19" s="693"/>
      <c r="CB19" s="693"/>
      <c r="CC19" s="693"/>
      <c r="CD19" s="693"/>
      <c r="CE19" s="693"/>
      <c r="CF19" s="693"/>
      <c r="CG19" s="693"/>
      <c r="CH19" s="693"/>
      <c r="CI19" s="694"/>
      <c r="CJ19" s="712" t="s">
        <v>170</v>
      </c>
      <c r="CK19" s="712"/>
      <c r="CL19" s="712"/>
      <c r="CM19" s="712"/>
      <c r="CN19" s="712"/>
      <c r="CO19" s="712"/>
      <c r="CP19" s="712"/>
      <c r="CQ19" s="712"/>
      <c r="CR19" s="712"/>
      <c r="CS19" s="712"/>
      <c r="CT19" s="712"/>
      <c r="CU19" s="712"/>
      <c r="CV19" s="712"/>
      <c r="CW19" s="712"/>
      <c r="CX19" s="712"/>
      <c r="CY19" s="712"/>
      <c r="CZ19" s="712"/>
      <c r="DA19" s="712"/>
      <c r="DB19" s="712"/>
      <c r="DC19" s="713"/>
      <c r="DD19" s="294"/>
      <c r="DE19" s="294"/>
      <c r="DF19" s="294"/>
      <c r="DG19" s="294"/>
      <c r="DH19" s="294"/>
      <c r="DI19" s="294"/>
      <c r="DJ19" s="294"/>
      <c r="DK19" s="294"/>
      <c r="DL19" s="294"/>
      <c r="DM19" s="218"/>
      <c r="DN19" s="218"/>
      <c r="DO19" s="218"/>
      <c r="DP19" s="218"/>
    </row>
    <row r="20" spans="1:146" s="2" customFormat="1" ht="53.25" customHeight="1" thickBot="1" x14ac:dyDescent="0.25">
      <c r="A20" s="181"/>
      <c r="B20" s="883" t="s">
        <v>237</v>
      </c>
      <c r="C20" s="884"/>
      <c r="D20" s="884"/>
      <c r="E20" s="884"/>
      <c r="F20" s="884"/>
      <c r="G20" s="884"/>
      <c r="H20" s="884"/>
      <c r="I20" s="884"/>
      <c r="J20" s="884"/>
      <c r="K20" s="885"/>
      <c r="L20" s="886"/>
      <c r="M20" s="886"/>
      <c r="N20" s="886"/>
      <c r="O20" s="886"/>
      <c r="P20" s="886"/>
      <c r="Q20" s="886"/>
      <c r="R20" s="886"/>
      <c r="S20" s="886"/>
      <c r="T20" s="886"/>
      <c r="U20" s="886"/>
      <c r="V20" s="886"/>
      <c r="W20" s="886"/>
      <c r="X20" s="886"/>
      <c r="Y20" s="886"/>
      <c r="Z20" s="886"/>
      <c r="AA20" s="886"/>
      <c r="AB20" s="886"/>
      <c r="AC20" s="886"/>
      <c r="AD20" s="886"/>
      <c r="AE20" s="886"/>
      <c r="AF20" s="886"/>
      <c r="AG20" s="886"/>
      <c r="AH20" s="886"/>
      <c r="AI20" s="886"/>
      <c r="AJ20" s="886"/>
      <c r="AK20" s="886"/>
      <c r="AL20" s="886"/>
      <c r="AM20" s="886"/>
      <c r="AN20" s="886"/>
      <c r="AO20" s="886"/>
      <c r="AP20" s="886"/>
      <c r="AQ20" s="886"/>
      <c r="AR20" s="886"/>
      <c r="AS20" s="886"/>
      <c r="AT20" s="886"/>
      <c r="AU20" s="886"/>
      <c r="AV20" s="886"/>
      <c r="AW20" s="886"/>
      <c r="AX20" s="886"/>
      <c r="AY20" s="887"/>
      <c r="AZ20" s="718"/>
      <c r="BA20" s="719"/>
      <c r="BB20" s="719"/>
      <c r="BC20" s="888">
        <v>1</v>
      </c>
      <c r="BD20" s="889"/>
      <c r="BE20" s="890"/>
      <c r="BF20" s="890"/>
      <c r="BG20" s="890"/>
      <c r="BH20" s="890"/>
      <c r="BI20" s="890"/>
      <c r="BJ20" s="890"/>
      <c r="BK20" s="890"/>
      <c r="BL20" s="890"/>
      <c r="BM20" s="890"/>
      <c r="BN20" s="890"/>
      <c r="BO20" s="890"/>
      <c r="BP20" s="890"/>
      <c r="BQ20" s="890"/>
      <c r="BR20" s="890"/>
      <c r="BS20" s="891" t="s">
        <v>234</v>
      </c>
      <c r="BT20" s="891"/>
      <c r="BU20" s="891"/>
      <c r="BV20" s="891"/>
      <c r="BW20" s="891"/>
      <c r="BX20" s="891"/>
      <c r="BY20" s="891"/>
      <c r="BZ20" s="891"/>
      <c r="CA20" s="891"/>
      <c r="CB20" s="891"/>
      <c r="CC20" s="891"/>
      <c r="CD20" s="891"/>
      <c r="CE20" s="891"/>
      <c r="CF20" s="891"/>
      <c r="CG20" s="891"/>
      <c r="CH20" s="891"/>
      <c r="CI20" s="891"/>
      <c r="CJ20" s="891"/>
      <c r="CK20" s="891"/>
      <c r="CL20" s="891"/>
      <c r="CM20" s="891"/>
      <c r="CN20" s="891"/>
      <c r="CO20" s="891"/>
      <c r="CP20" s="891"/>
      <c r="CQ20" s="891"/>
      <c r="CR20" s="891"/>
      <c r="CS20" s="891"/>
      <c r="CT20" s="891"/>
      <c r="CU20" s="891"/>
      <c r="CV20" s="891"/>
      <c r="CW20" s="891"/>
      <c r="CX20" s="891"/>
      <c r="CY20" s="891"/>
      <c r="CZ20" s="891"/>
      <c r="DA20" s="891"/>
      <c r="DB20" s="891"/>
      <c r="DC20" s="892"/>
      <c r="DD20" s="287"/>
      <c r="DE20" s="287"/>
      <c r="DF20" s="287"/>
      <c r="DG20" s="287"/>
      <c r="DH20" s="287"/>
      <c r="DI20" s="287"/>
      <c r="DJ20" s="287"/>
      <c r="DK20" s="287"/>
      <c r="DL20" s="287"/>
      <c r="DM20" s="287"/>
      <c r="DN20" s="287"/>
      <c r="DO20" s="287"/>
      <c r="DP20" s="287"/>
      <c r="DQ20" s="287"/>
      <c r="DR20" s="287"/>
      <c r="DS20" s="287"/>
      <c r="DT20" s="287"/>
      <c r="DU20" s="287"/>
      <c r="DV20" s="287"/>
      <c r="DW20" s="287"/>
      <c r="DX20" s="287"/>
      <c r="DY20" s="287"/>
      <c r="DZ20" s="287"/>
      <c r="EA20" s="287"/>
      <c r="EB20" s="287"/>
      <c r="EC20" s="287"/>
      <c r="ED20" s="294"/>
      <c r="EE20" s="294"/>
      <c r="EF20" s="294"/>
      <c r="EG20" s="294"/>
      <c r="EH20" s="294"/>
      <c r="EI20" s="294"/>
      <c r="EJ20" s="294"/>
      <c r="EK20" s="294"/>
      <c r="EL20" s="294"/>
      <c r="EM20" s="218"/>
      <c r="EN20" s="218"/>
      <c r="EO20" s="175"/>
      <c r="EP20" s="175"/>
    </row>
    <row r="21" spans="1:146" s="64" customFormat="1" ht="53.25" customHeight="1" thickBot="1" x14ac:dyDescent="0.25">
      <c r="A21" s="183"/>
      <c r="B21" s="714" t="s">
        <v>246</v>
      </c>
      <c r="C21" s="715"/>
      <c r="D21" s="715"/>
      <c r="E21" s="715"/>
      <c r="F21" s="715"/>
      <c r="G21" s="715"/>
      <c r="H21" s="715"/>
      <c r="I21" s="715"/>
      <c r="J21" s="896"/>
      <c r="K21" s="897" t="s">
        <v>247</v>
      </c>
      <c r="L21" s="898"/>
      <c r="M21" s="898"/>
      <c r="N21" s="898"/>
      <c r="O21" s="898"/>
      <c r="P21" s="898"/>
      <c r="Q21" s="898"/>
      <c r="R21" s="898"/>
      <c r="S21" s="898"/>
      <c r="T21" s="898"/>
      <c r="U21" s="898"/>
      <c r="V21" s="898"/>
      <c r="W21" s="898"/>
      <c r="X21" s="898"/>
      <c r="Y21" s="898"/>
      <c r="Z21" s="898"/>
      <c r="AA21" s="898"/>
      <c r="AB21" s="898"/>
      <c r="AC21" s="898"/>
      <c r="AD21" s="898"/>
      <c r="AE21" s="898"/>
      <c r="AF21" s="898"/>
      <c r="AG21" s="899"/>
      <c r="AH21" s="900" t="s">
        <v>14</v>
      </c>
      <c r="AI21" s="901"/>
      <c r="AJ21" s="901"/>
      <c r="AK21" s="901"/>
      <c r="AL21" s="901"/>
      <c r="AM21" s="901"/>
      <c r="AN21" s="901"/>
      <c r="AO21" s="902"/>
      <c r="AP21" s="902"/>
      <c r="AQ21" s="902"/>
      <c r="AR21" s="902"/>
      <c r="AS21" s="902"/>
      <c r="AT21" s="902"/>
      <c r="AU21" s="902"/>
      <c r="AV21" s="902"/>
      <c r="AW21" s="902"/>
      <c r="AX21" s="902"/>
      <c r="AY21" s="903"/>
      <c r="AZ21" s="718"/>
      <c r="BA21" s="719"/>
      <c r="BB21" s="719"/>
      <c r="BC21" s="888">
        <v>2</v>
      </c>
      <c r="BD21" s="889"/>
      <c r="BE21" s="890"/>
      <c r="BF21" s="890"/>
      <c r="BG21" s="890"/>
      <c r="BH21" s="890"/>
      <c r="BI21" s="890"/>
      <c r="BJ21" s="890"/>
      <c r="BK21" s="890"/>
      <c r="BL21" s="890"/>
      <c r="BM21" s="890"/>
      <c r="BN21" s="890"/>
      <c r="BO21" s="890"/>
      <c r="BP21" s="890"/>
      <c r="BQ21" s="890"/>
      <c r="BR21" s="890"/>
      <c r="BS21" s="891" t="s">
        <v>234</v>
      </c>
      <c r="BT21" s="891"/>
      <c r="BU21" s="891"/>
      <c r="BV21" s="891"/>
      <c r="BW21" s="891"/>
      <c r="BX21" s="891"/>
      <c r="BY21" s="891"/>
      <c r="BZ21" s="891"/>
      <c r="CA21" s="891"/>
      <c r="CB21" s="891"/>
      <c r="CC21" s="891"/>
      <c r="CD21" s="891"/>
      <c r="CE21" s="891"/>
      <c r="CF21" s="891"/>
      <c r="CG21" s="891"/>
      <c r="CH21" s="891"/>
      <c r="CI21" s="891"/>
      <c r="CJ21" s="891"/>
      <c r="CK21" s="891"/>
      <c r="CL21" s="891"/>
      <c r="CM21" s="891"/>
      <c r="CN21" s="891"/>
      <c r="CO21" s="891"/>
      <c r="CP21" s="891"/>
      <c r="CQ21" s="891"/>
      <c r="CR21" s="891"/>
      <c r="CS21" s="891"/>
      <c r="CT21" s="891"/>
      <c r="CU21" s="891"/>
      <c r="CV21" s="891"/>
      <c r="CW21" s="891"/>
      <c r="CX21" s="891"/>
      <c r="CY21" s="891"/>
      <c r="CZ21" s="891"/>
      <c r="DA21" s="891"/>
      <c r="DB21" s="891"/>
      <c r="DC21" s="892"/>
      <c r="DD21" s="287"/>
      <c r="DE21" s="287"/>
      <c r="DF21" s="287"/>
      <c r="DG21" s="287"/>
      <c r="DH21" s="287"/>
      <c r="DI21" s="287"/>
      <c r="DJ21" s="287"/>
      <c r="DK21" s="287"/>
      <c r="DL21" s="287"/>
      <c r="DM21" s="287"/>
      <c r="DN21" s="287"/>
      <c r="DO21" s="287"/>
      <c r="DP21" s="287"/>
      <c r="DQ21" s="287"/>
      <c r="DR21" s="287"/>
      <c r="DS21" s="287"/>
      <c r="DT21" s="287"/>
      <c r="DU21" s="287"/>
      <c r="DV21" s="287"/>
      <c r="DW21" s="287"/>
      <c r="DX21" s="287"/>
      <c r="DY21" s="287"/>
      <c r="DZ21" s="287"/>
      <c r="EA21" s="287"/>
      <c r="EB21" s="287"/>
      <c r="EC21" s="287"/>
      <c r="ED21" s="258"/>
      <c r="EE21" s="258"/>
      <c r="EF21" s="258"/>
      <c r="EG21" s="258"/>
      <c r="EH21" s="258"/>
      <c r="EI21" s="258"/>
      <c r="EJ21" s="258"/>
      <c r="EK21" s="258"/>
      <c r="EL21" s="258"/>
      <c r="EM21" s="218"/>
      <c r="EN21" s="218"/>
      <c r="EO21" s="172"/>
      <c r="EP21" s="172"/>
    </row>
    <row r="22" spans="1:146" s="103" customFormat="1" ht="53.25" customHeight="1" thickBot="1" x14ac:dyDescent="0.25">
      <c r="A22" s="184"/>
      <c r="B22" s="918" t="s">
        <v>105</v>
      </c>
      <c r="C22" s="919"/>
      <c r="D22" s="919"/>
      <c r="E22" s="919"/>
      <c r="F22" s="919"/>
      <c r="G22" s="919"/>
      <c r="H22" s="919"/>
      <c r="I22" s="919"/>
      <c r="J22" s="919"/>
      <c r="K22" s="919"/>
      <c r="L22" s="919"/>
      <c r="M22" s="919"/>
      <c r="N22" s="919"/>
      <c r="O22" s="919"/>
      <c r="P22" s="920" t="s">
        <v>248</v>
      </c>
      <c r="Q22" s="921"/>
      <c r="R22" s="921"/>
      <c r="S22" s="921"/>
      <c r="T22" s="921"/>
      <c r="U22" s="921"/>
      <c r="V22" s="921"/>
      <c r="W22" s="921"/>
      <c r="X22" s="921"/>
      <c r="Y22" s="921"/>
      <c r="Z22" s="921"/>
      <c r="AA22" s="921"/>
      <c r="AB22" s="921"/>
      <c r="AC22" s="921"/>
      <c r="AD22" s="921"/>
      <c r="AE22" s="921"/>
      <c r="AF22" s="921"/>
      <c r="AG22" s="921"/>
      <c r="AH22" s="921"/>
      <c r="AI22" s="921"/>
      <c r="AJ22" s="921"/>
      <c r="AK22" s="921"/>
      <c r="AL22" s="921"/>
      <c r="AM22" s="921"/>
      <c r="AN22" s="921"/>
      <c r="AO22" s="921"/>
      <c r="AP22" s="921"/>
      <c r="AQ22" s="921"/>
      <c r="AR22" s="921"/>
      <c r="AS22" s="921"/>
      <c r="AT22" s="921"/>
      <c r="AU22" s="921"/>
      <c r="AV22" s="921"/>
      <c r="AW22" s="921"/>
      <c r="AX22" s="921"/>
      <c r="AY22" s="922"/>
      <c r="AZ22" s="720"/>
      <c r="BA22" s="721"/>
      <c r="BB22" s="721"/>
      <c r="BC22" s="923">
        <v>3</v>
      </c>
      <c r="BD22" s="924"/>
      <c r="BE22" s="904"/>
      <c r="BF22" s="904"/>
      <c r="BG22" s="904"/>
      <c r="BH22" s="904"/>
      <c r="BI22" s="904"/>
      <c r="BJ22" s="904"/>
      <c r="BK22" s="904"/>
      <c r="BL22" s="904"/>
      <c r="BM22" s="904"/>
      <c r="BN22" s="904"/>
      <c r="BO22" s="904"/>
      <c r="BP22" s="904"/>
      <c r="BQ22" s="904"/>
      <c r="BR22" s="904"/>
      <c r="BS22" s="910" t="s">
        <v>234</v>
      </c>
      <c r="BT22" s="910"/>
      <c r="BU22" s="910"/>
      <c r="BV22" s="910"/>
      <c r="BW22" s="910"/>
      <c r="BX22" s="910"/>
      <c r="BY22" s="910"/>
      <c r="BZ22" s="910"/>
      <c r="CA22" s="910"/>
      <c r="CB22" s="910"/>
      <c r="CC22" s="910"/>
      <c r="CD22" s="910"/>
      <c r="CE22" s="910"/>
      <c r="CF22" s="910"/>
      <c r="CG22" s="910"/>
      <c r="CH22" s="910"/>
      <c r="CI22" s="910"/>
      <c r="CJ22" s="910"/>
      <c r="CK22" s="910"/>
      <c r="CL22" s="910"/>
      <c r="CM22" s="910"/>
      <c r="CN22" s="910"/>
      <c r="CO22" s="910"/>
      <c r="CP22" s="910"/>
      <c r="CQ22" s="910"/>
      <c r="CR22" s="910"/>
      <c r="CS22" s="910"/>
      <c r="CT22" s="910"/>
      <c r="CU22" s="910"/>
      <c r="CV22" s="910"/>
      <c r="CW22" s="910"/>
      <c r="CX22" s="910"/>
      <c r="CY22" s="910"/>
      <c r="CZ22" s="910"/>
      <c r="DA22" s="910"/>
      <c r="DB22" s="910"/>
      <c r="DC22" s="930"/>
      <c r="DD22" s="287"/>
      <c r="DE22" s="287"/>
      <c r="DF22" s="287"/>
      <c r="DG22" s="287"/>
      <c r="DH22" s="287"/>
      <c r="DI22" s="287"/>
      <c r="DJ22" s="287"/>
      <c r="DK22" s="287"/>
      <c r="DL22" s="287"/>
      <c r="DM22" s="287"/>
      <c r="DN22" s="287"/>
      <c r="DO22" s="287"/>
      <c r="DP22" s="287"/>
      <c r="DQ22" s="287"/>
      <c r="DR22" s="287"/>
      <c r="DS22" s="287"/>
      <c r="DT22" s="287"/>
      <c r="DU22" s="287"/>
      <c r="DV22" s="287"/>
      <c r="DW22" s="287"/>
      <c r="DX22" s="287"/>
      <c r="DY22" s="287"/>
      <c r="DZ22" s="287"/>
      <c r="EA22" s="287"/>
      <c r="EB22" s="287"/>
      <c r="EC22" s="287"/>
      <c r="ED22" s="194"/>
      <c r="EE22" s="194"/>
      <c r="EF22" s="194"/>
      <c r="EG22" s="194"/>
      <c r="EH22" s="194"/>
      <c r="EI22" s="194"/>
      <c r="EJ22" s="194"/>
      <c r="EK22" s="194"/>
      <c r="EL22" s="194"/>
      <c r="EM22" s="218"/>
      <c r="EN22" s="218"/>
      <c r="EO22" s="172"/>
      <c r="EP22" s="172"/>
    </row>
    <row r="23" spans="1:146" s="64" customFormat="1" ht="11.25" customHeight="1" thickTop="1" thickBot="1" x14ac:dyDescent="0.2">
      <c r="A23" s="48"/>
      <c r="B23" s="262"/>
      <c r="C23" s="262"/>
      <c r="D23" s="262"/>
      <c r="E23" s="262"/>
      <c r="F23" s="262"/>
      <c r="G23" s="262"/>
      <c r="H23" s="262"/>
      <c r="I23" s="262"/>
      <c r="J23" s="262"/>
      <c r="K23" s="262"/>
      <c r="L23" s="262"/>
      <c r="M23" s="262"/>
      <c r="N23" s="262"/>
      <c r="O23" s="262"/>
      <c r="P23" s="262"/>
      <c r="Q23" s="262"/>
      <c r="R23" s="262"/>
      <c r="S23" s="262"/>
      <c r="T23" s="262"/>
      <c r="U23" s="262"/>
      <c r="V23" s="262"/>
      <c r="W23" s="262"/>
      <c r="X23" s="262"/>
      <c r="Y23" s="262"/>
      <c r="Z23" s="262"/>
      <c r="AA23" s="262"/>
      <c r="AB23" s="262"/>
      <c r="AC23" s="262"/>
      <c r="AD23" s="262"/>
      <c r="AE23" s="262"/>
      <c r="AF23" s="262"/>
      <c r="AG23" s="262"/>
      <c r="AH23" s="262"/>
      <c r="AI23" s="262"/>
      <c r="AJ23" s="262"/>
      <c r="AK23" s="262"/>
      <c r="AL23" s="262"/>
      <c r="AM23" s="262"/>
      <c r="AN23" s="262"/>
      <c r="AO23" s="262"/>
      <c r="AP23" s="262"/>
      <c r="AQ23" s="262"/>
      <c r="AR23" s="262"/>
      <c r="AS23" s="262"/>
      <c r="AT23" s="262"/>
      <c r="AU23" s="262"/>
      <c r="AV23" s="262"/>
      <c r="AW23" s="259"/>
      <c r="AX23" s="259"/>
      <c r="AY23" s="259"/>
      <c r="AZ23" s="259"/>
      <c r="BA23" s="259"/>
      <c r="BB23" s="259"/>
      <c r="BC23" s="262"/>
      <c r="BD23" s="262"/>
      <c r="BE23" s="262"/>
      <c r="BF23" s="262"/>
      <c r="BG23" s="262"/>
      <c r="BH23" s="262"/>
      <c r="BI23" s="262"/>
      <c r="BJ23" s="262"/>
      <c r="BK23" s="262"/>
      <c r="BL23" s="262"/>
      <c r="BM23" s="262"/>
      <c r="BN23" s="262"/>
      <c r="BO23" s="262"/>
      <c r="BP23" s="262"/>
      <c r="BQ23" s="262"/>
      <c r="BR23" s="262"/>
      <c r="BS23" s="262"/>
      <c r="BT23" s="262"/>
      <c r="BU23" s="262"/>
      <c r="BV23" s="262"/>
      <c r="BW23" s="262"/>
      <c r="BX23" s="262"/>
      <c r="BY23" s="262"/>
      <c r="BZ23" s="262"/>
      <c r="CA23" s="262"/>
      <c r="CB23" s="262"/>
      <c r="CC23" s="262"/>
      <c r="CD23" s="263"/>
      <c r="CE23" s="263"/>
      <c r="CF23" s="263"/>
      <c r="CG23" s="263"/>
      <c r="CH23" s="263"/>
      <c r="CI23" s="263"/>
      <c r="CJ23" s="263"/>
      <c r="CK23" s="262"/>
      <c r="CL23" s="262"/>
      <c r="CM23" s="262"/>
      <c r="CN23" s="262"/>
      <c r="CO23" s="262"/>
      <c r="CP23" s="262"/>
      <c r="CQ23" s="262"/>
      <c r="CR23" s="262"/>
      <c r="CS23" s="262"/>
      <c r="CT23" s="262"/>
      <c r="CU23" s="262"/>
      <c r="CV23" s="262"/>
      <c r="CW23" s="262"/>
      <c r="CX23" s="262"/>
      <c r="CY23" s="262"/>
      <c r="CZ23" s="262"/>
      <c r="DA23" s="262"/>
      <c r="DB23" s="262"/>
      <c r="DC23" s="262"/>
    </row>
    <row r="24" spans="1:146" s="53" customFormat="1" ht="146.25" customHeight="1" thickTop="1" thickBot="1" x14ac:dyDescent="0.2">
      <c r="A24" s="146"/>
      <c r="B24" s="705" t="s">
        <v>22</v>
      </c>
      <c r="C24" s="706"/>
      <c r="D24" s="706"/>
      <c r="E24" s="911"/>
      <c r="F24" s="912"/>
      <c r="G24" s="912"/>
      <c r="H24" s="912"/>
      <c r="I24" s="912"/>
      <c r="J24" s="912"/>
      <c r="K24" s="912"/>
      <c r="L24" s="912"/>
      <c r="M24" s="912"/>
      <c r="N24" s="912"/>
      <c r="O24" s="912"/>
      <c r="P24" s="912"/>
      <c r="Q24" s="912"/>
      <c r="R24" s="912"/>
      <c r="S24" s="912"/>
      <c r="T24" s="912"/>
      <c r="U24" s="912"/>
      <c r="V24" s="912"/>
      <c r="W24" s="912"/>
      <c r="X24" s="912"/>
      <c r="Y24" s="912"/>
      <c r="Z24" s="912"/>
      <c r="AA24" s="912"/>
      <c r="AB24" s="912"/>
      <c r="AC24" s="912"/>
      <c r="AD24" s="912"/>
      <c r="AE24" s="912"/>
      <c r="AF24" s="912"/>
      <c r="AG24" s="912"/>
      <c r="AH24" s="912"/>
      <c r="AI24" s="912"/>
      <c r="AJ24" s="912"/>
      <c r="AK24" s="912"/>
      <c r="AL24" s="912"/>
      <c r="AM24" s="912"/>
      <c r="AN24" s="912"/>
      <c r="AO24" s="912"/>
      <c r="AP24" s="912"/>
      <c r="AQ24" s="912"/>
      <c r="AR24" s="912"/>
      <c r="AS24" s="912"/>
      <c r="AT24" s="912"/>
      <c r="AU24" s="912"/>
      <c r="AV24" s="912"/>
      <c r="AW24" s="912"/>
      <c r="AX24" s="912"/>
      <c r="AY24" s="912"/>
      <c r="AZ24" s="912"/>
      <c r="BA24" s="912"/>
      <c r="BB24" s="912"/>
      <c r="BC24" s="912"/>
      <c r="BD24" s="912"/>
      <c r="BE24" s="912"/>
      <c r="BF24" s="912"/>
      <c r="BG24" s="912"/>
      <c r="BH24" s="912"/>
      <c r="BI24" s="912"/>
      <c r="BJ24" s="912"/>
      <c r="BK24" s="912"/>
      <c r="BL24" s="912"/>
      <c r="BM24" s="912"/>
      <c r="BN24" s="912"/>
      <c r="BO24" s="912"/>
      <c r="BP24" s="912"/>
      <c r="BQ24" s="912"/>
      <c r="BR24" s="912"/>
      <c r="BS24" s="912"/>
      <c r="BT24" s="912"/>
      <c r="BU24" s="912"/>
      <c r="BV24" s="912"/>
      <c r="BW24" s="912"/>
      <c r="BX24" s="912"/>
      <c r="BY24" s="912"/>
      <c r="BZ24" s="912"/>
      <c r="CA24" s="912"/>
      <c r="CB24" s="912"/>
      <c r="CC24" s="912"/>
      <c r="CD24" s="912"/>
      <c r="CE24" s="912"/>
      <c r="CF24" s="912"/>
      <c r="CG24" s="912"/>
      <c r="CH24" s="912"/>
      <c r="CI24" s="912"/>
      <c r="CJ24" s="912"/>
      <c r="CK24" s="912"/>
      <c r="CL24" s="912"/>
      <c r="CM24" s="912"/>
      <c r="CN24" s="912"/>
      <c r="CO24" s="912"/>
      <c r="CP24" s="912"/>
      <c r="CQ24" s="912"/>
      <c r="CR24" s="912"/>
      <c r="CS24" s="912"/>
      <c r="CT24" s="912"/>
      <c r="CU24" s="912"/>
      <c r="CV24" s="912"/>
      <c r="CW24" s="912"/>
      <c r="CX24" s="912"/>
      <c r="CY24" s="912"/>
      <c r="CZ24" s="912"/>
      <c r="DA24" s="912"/>
      <c r="DB24" s="912"/>
      <c r="DC24" s="913"/>
    </row>
    <row r="25" spans="1:146" s="64" customFormat="1" ht="15" customHeight="1" thickTop="1" thickBot="1" x14ac:dyDescent="0.3">
      <c r="A25" s="72"/>
      <c r="B25" s="274"/>
      <c r="C25" s="264"/>
      <c r="D25" s="288"/>
      <c r="E25" s="288"/>
      <c r="F25" s="288"/>
      <c r="G25" s="288"/>
      <c r="H25" s="289"/>
      <c r="I25" s="289"/>
      <c r="J25" s="289"/>
      <c r="K25" s="289"/>
      <c r="L25" s="289"/>
      <c r="M25" s="290"/>
      <c r="N25" s="290"/>
      <c r="O25" s="290"/>
      <c r="P25" s="290"/>
      <c r="Q25" s="290"/>
      <c r="R25" s="290"/>
      <c r="S25" s="290"/>
      <c r="T25" s="290"/>
      <c r="U25" s="290"/>
      <c r="V25" s="290"/>
      <c r="W25" s="291"/>
      <c r="X25" s="291"/>
      <c r="Y25" s="291"/>
      <c r="Z25" s="291"/>
      <c r="AA25" s="291"/>
      <c r="AB25" s="291"/>
      <c r="AC25" s="291"/>
      <c r="AD25" s="291"/>
      <c r="AE25" s="290"/>
      <c r="AF25" s="290"/>
      <c r="AG25" s="290"/>
      <c r="AH25" s="290"/>
      <c r="AI25" s="290"/>
      <c r="AJ25" s="290"/>
      <c r="AK25" s="290"/>
      <c r="AL25" s="290"/>
      <c r="AM25" s="290"/>
      <c r="AN25" s="290"/>
      <c r="AO25" s="290"/>
      <c r="AP25" s="291"/>
      <c r="AQ25" s="291"/>
      <c r="AR25" s="291"/>
      <c r="AS25" s="291"/>
      <c r="AT25" s="291"/>
      <c r="AU25" s="291"/>
      <c r="AV25" s="291"/>
      <c r="AW25" s="291"/>
      <c r="AX25" s="291"/>
      <c r="AY25" s="292"/>
      <c r="AZ25" s="292"/>
      <c r="BA25" s="292"/>
      <c r="BB25" s="292"/>
      <c r="BC25" s="292"/>
      <c r="BD25" s="292"/>
      <c r="BE25" s="292"/>
      <c r="BF25" s="292"/>
      <c r="BG25" s="292"/>
      <c r="BH25" s="292"/>
      <c r="BI25" s="274"/>
      <c r="BJ25" s="274"/>
      <c r="BK25" s="274"/>
      <c r="BL25" s="274"/>
      <c r="BM25" s="274"/>
      <c r="BN25" s="274"/>
      <c r="BO25" s="264"/>
      <c r="BP25" s="264"/>
      <c r="BQ25" s="264"/>
      <c r="BR25" s="264"/>
      <c r="BS25" s="264"/>
      <c r="BT25" s="264"/>
      <c r="BU25" s="293"/>
      <c r="BV25" s="293"/>
      <c r="BW25" s="264"/>
      <c r="BX25" s="264"/>
      <c r="BY25" s="264"/>
      <c r="BZ25" s="264"/>
      <c r="CA25" s="264"/>
      <c r="CB25" s="264"/>
      <c r="CC25" s="264"/>
      <c r="CD25" s="264"/>
      <c r="CE25" s="264"/>
      <c r="CF25" s="291"/>
      <c r="CG25" s="291"/>
      <c r="CH25" s="291"/>
      <c r="CI25" s="291"/>
      <c r="CJ25" s="291"/>
      <c r="CK25" s="291"/>
      <c r="CL25" s="291"/>
      <c r="CM25" s="291"/>
      <c r="CN25" s="291"/>
      <c r="CO25" s="291"/>
      <c r="CP25" s="291"/>
      <c r="CQ25" s="291"/>
      <c r="CR25" s="291"/>
      <c r="CS25" s="291"/>
      <c r="CT25" s="291"/>
      <c r="CU25" s="291"/>
      <c r="CV25" s="291"/>
      <c r="CW25" s="291"/>
      <c r="CX25" s="291"/>
      <c r="CY25" s="291"/>
      <c r="CZ25" s="291"/>
      <c r="DA25" s="291"/>
      <c r="DB25" s="291"/>
      <c r="DC25" s="291"/>
    </row>
    <row r="26" spans="1:146" s="64" customFormat="1" ht="15" customHeight="1" thickTop="1" x14ac:dyDescent="0.25">
      <c r="A26" s="72"/>
      <c r="B26" s="320"/>
      <c r="C26" s="321"/>
      <c r="D26" s="322"/>
      <c r="E26" s="322"/>
      <c r="F26" s="322"/>
      <c r="G26" s="322"/>
      <c r="H26" s="323"/>
      <c r="I26" s="323"/>
      <c r="J26" s="323"/>
      <c r="K26" s="323"/>
      <c r="L26" s="323"/>
      <c r="M26" s="324"/>
      <c r="N26" s="324"/>
      <c r="O26" s="324"/>
      <c r="P26" s="324"/>
      <c r="Q26" s="324"/>
      <c r="R26" s="324"/>
      <c r="S26" s="324"/>
      <c r="T26" s="324"/>
      <c r="U26" s="324"/>
      <c r="V26" s="324"/>
      <c r="W26" s="325"/>
      <c r="X26" s="325"/>
      <c r="Y26" s="325"/>
      <c r="Z26" s="325"/>
      <c r="AA26" s="325"/>
      <c r="AB26" s="325"/>
      <c r="AC26" s="325"/>
      <c r="AD26" s="325"/>
      <c r="AE26" s="324"/>
      <c r="AF26" s="324"/>
      <c r="AG26" s="324"/>
      <c r="AH26" s="324"/>
      <c r="AI26" s="324"/>
      <c r="AJ26" s="324"/>
      <c r="AK26" s="324"/>
      <c r="AL26" s="324"/>
      <c r="AM26" s="324"/>
      <c r="AN26" s="324"/>
      <c r="AO26" s="324"/>
      <c r="AP26" s="325"/>
      <c r="AQ26" s="325"/>
      <c r="AR26" s="325"/>
      <c r="AS26" s="325"/>
      <c r="AT26" s="325"/>
      <c r="AU26" s="325"/>
      <c r="AV26" s="325"/>
      <c r="AW26" s="325"/>
      <c r="AX26" s="325"/>
      <c r="AY26" s="326"/>
      <c r="AZ26" s="326"/>
      <c r="BA26" s="326"/>
      <c r="BB26" s="326"/>
      <c r="BC26" s="326"/>
      <c r="BD26" s="326"/>
      <c r="BE26" s="326"/>
      <c r="BF26" s="326"/>
      <c r="BG26" s="326"/>
      <c r="BH26" s="326"/>
      <c r="BI26" s="327"/>
      <c r="BJ26" s="327"/>
      <c r="BK26" s="327"/>
      <c r="BL26" s="327"/>
      <c r="BM26" s="327"/>
      <c r="BN26" s="327"/>
      <c r="BO26" s="321"/>
      <c r="BP26" s="321"/>
      <c r="BQ26" s="321"/>
      <c r="BR26" s="321"/>
      <c r="BS26" s="321"/>
      <c r="BT26" s="321"/>
      <c r="BU26" s="328"/>
      <c r="BV26" s="328"/>
      <c r="BW26" s="321"/>
      <c r="BX26" s="321"/>
      <c r="BY26" s="321"/>
      <c r="BZ26" s="321"/>
      <c r="CA26" s="321"/>
      <c r="CB26" s="321"/>
      <c r="CC26" s="321"/>
      <c r="CD26" s="321"/>
      <c r="CE26" s="321"/>
      <c r="CF26" s="325"/>
      <c r="CG26" s="325"/>
      <c r="CH26" s="325"/>
      <c r="CI26" s="325"/>
      <c r="CJ26" s="325"/>
      <c r="CK26" s="325"/>
      <c r="CL26" s="325"/>
      <c r="CM26" s="325"/>
      <c r="CN26" s="325"/>
      <c r="CO26" s="325"/>
      <c r="CP26" s="325"/>
      <c r="CQ26" s="325"/>
      <c r="CR26" s="325"/>
      <c r="CS26" s="325"/>
      <c r="CT26" s="325"/>
      <c r="CU26" s="325"/>
      <c r="CV26" s="325"/>
      <c r="CW26" s="325"/>
      <c r="CX26" s="325"/>
      <c r="CY26" s="325"/>
      <c r="CZ26" s="325"/>
      <c r="DA26" s="325"/>
      <c r="DB26" s="325"/>
      <c r="DC26" s="329"/>
    </row>
    <row r="27" spans="1:146" s="103" customFormat="1" ht="11.25" customHeight="1" x14ac:dyDescent="0.25">
      <c r="A27" s="118"/>
      <c r="B27" s="276"/>
      <c r="C27" s="277"/>
      <c r="D27" s="277"/>
      <c r="E27" s="277"/>
      <c r="F27" s="277"/>
      <c r="G27" s="277"/>
      <c r="H27" s="277"/>
      <c r="I27" s="277"/>
      <c r="J27" s="277"/>
      <c r="K27" s="277"/>
      <c r="L27" s="277"/>
      <c r="M27" s="277"/>
      <c r="N27" s="277"/>
      <c r="O27" s="277"/>
      <c r="P27" s="277"/>
      <c r="Q27" s="277"/>
      <c r="R27" s="277"/>
      <c r="S27" s="277"/>
      <c r="T27" s="277"/>
      <c r="U27" s="277"/>
      <c r="V27" s="277"/>
      <c r="W27" s="277"/>
      <c r="X27" s="277"/>
      <c r="Y27" s="277"/>
      <c r="Z27" s="277"/>
      <c r="AA27" s="277"/>
      <c r="AB27" s="277"/>
      <c r="AC27" s="277"/>
      <c r="AD27" s="277"/>
      <c r="AE27" s="277"/>
      <c r="AF27" s="277"/>
      <c r="AG27" s="277"/>
      <c r="AH27" s="277"/>
      <c r="AI27" s="277"/>
      <c r="AJ27" s="277"/>
      <c r="AK27" s="277"/>
      <c r="AL27" s="277"/>
      <c r="AM27" s="277"/>
      <c r="AN27" s="278"/>
      <c r="AO27" s="278"/>
      <c r="AP27" s="278"/>
      <c r="AQ27" s="278"/>
      <c r="AR27" s="278"/>
      <c r="AS27" s="278"/>
      <c r="AT27" s="278"/>
      <c r="AU27" s="278"/>
      <c r="AV27" s="257"/>
      <c r="AW27" s="257"/>
      <c r="AX27" s="257"/>
      <c r="AY27" s="257"/>
      <c r="AZ27" s="257"/>
      <c r="BA27" s="257"/>
      <c r="BB27" s="257"/>
      <c r="BC27" s="257"/>
      <c r="BD27" s="257"/>
      <c r="BE27" s="257"/>
      <c r="BF27" s="257"/>
      <c r="BG27" s="257"/>
      <c r="BH27" s="257"/>
      <c r="BI27" s="257"/>
      <c r="BJ27" s="257"/>
      <c r="BK27" s="257"/>
      <c r="BL27" s="257"/>
      <c r="BM27" s="257"/>
      <c r="BN27" s="257"/>
      <c r="BO27" s="257"/>
      <c r="BP27" s="257"/>
      <c r="BQ27" s="257"/>
      <c r="BR27" s="257"/>
      <c r="BS27" s="257"/>
      <c r="BT27" s="257"/>
      <c r="BU27" s="257"/>
      <c r="BV27" s="257"/>
      <c r="BW27" s="257"/>
      <c r="BX27" s="257"/>
      <c r="BY27" s="257"/>
      <c r="BZ27" s="257"/>
      <c r="CA27" s="257"/>
      <c r="CB27" s="257"/>
      <c r="CC27" s="257"/>
      <c r="CD27" s="257"/>
      <c r="CE27" s="257"/>
      <c r="CF27" s="257"/>
      <c r="CG27" s="257"/>
      <c r="CH27" s="257"/>
      <c r="CI27" s="257"/>
      <c r="CJ27" s="257"/>
      <c r="CK27" s="257"/>
      <c r="CL27" s="257"/>
      <c r="CM27" s="257"/>
      <c r="CN27" s="257"/>
      <c r="CO27" s="257"/>
      <c r="CP27" s="257"/>
      <c r="CQ27" s="257"/>
      <c r="CR27" s="257"/>
      <c r="CS27" s="257"/>
      <c r="CT27" s="260"/>
      <c r="CU27" s="260"/>
      <c r="CV27" s="260"/>
      <c r="CW27" s="260"/>
      <c r="CX27" s="260"/>
      <c r="CY27" s="260"/>
      <c r="CZ27" s="260"/>
      <c r="DA27" s="260"/>
      <c r="DB27" s="260"/>
      <c r="DC27" s="266"/>
    </row>
    <row r="28" spans="1:146" s="103" customFormat="1" ht="23.25" customHeight="1" x14ac:dyDescent="0.25">
      <c r="A28" s="118"/>
      <c r="B28" s="276"/>
      <c r="C28" s="277"/>
      <c r="D28" s="257"/>
      <c r="E28" s="277"/>
      <c r="F28" s="257"/>
      <c r="G28" s="277"/>
      <c r="H28" s="277"/>
      <c r="I28" s="277"/>
      <c r="J28" s="257"/>
      <c r="K28" s="277"/>
      <c r="L28" s="277"/>
      <c r="M28" s="277"/>
      <c r="N28" s="277"/>
      <c r="O28" s="277"/>
      <c r="P28" s="277"/>
      <c r="Q28" s="277"/>
      <c r="R28" s="277"/>
      <c r="S28" s="277"/>
      <c r="T28" s="277"/>
      <c r="U28" s="277"/>
      <c r="V28" s="277"/>
      <c r="W28" s="277"/>
      <c r="X28" s="277"/>
      <c r="Y28" s="277"/>
      <c r="Z28" s="277"/>
      <c r="AA28" s="277"/>
      <c r="AB28" s="277"/>
      <c r="AC28" s="277"/>
      <c r="AD28" s="277"/>
      <c r="AE28" s="277"/>
      <c r="AF28" s="277"/>
      <c r="AG28" s="277"/>
      <c r="AH28" s="277"/>
      <c r="AI28" s="277"/>
      <c r="AJ28" s="277"/>
      <c r="AK28" s="277"/>
      <c r="AL28" s="277"/>
      <c r="AM28" s="277"/>
      <c r="AN28" s="278"/>
      <c r="AO28" s="278"/>
      <c r="AP28" s="278"/>
      <c r="AQ28" s="278"/>
      <c r="AR28" s="278"/>
      <c r="AS28" s="299" t="s">
        <v>305</v>
      </c>
      <c r="AT28" s="278"/>
      <c r="AU28" s="278"/>
      <c r="AV28" s="257"/>
      <c r="AW28" s="257"/>
      <c r="AX28" s="257"/>
      <c r="AY28" s="257"/>
      <c r="AZ28" s="257"/>
      <c r="BA28" s="257"/>
      <c r="BB28" s="257"/>
      <c r="BC28" s="257"/>
      <c r="BD28" s="257"/>
      <c r="BE28" s="257"/>
      <c r="BF28" s="257"/>
      <c r="BG28" s="257"/>
      <c r="BH28" s="257"/>
      <c r="BI28" s="257"/>
      <c r="BJ28" s="257"/>
      <c r="BK28" s="265"/>
      <c r="BL28" s="331"/>
      <c r="BM28" s="279"/>
      <c r="BN28" s="279"/>
      <c r="BO28" s="279"/>
      <c r="BP28" s="279"/>
      <c r="BQ28" s="279"/>
      <c r="BR28" s="331"/>
      <c r="BS28" s="279"/>
      <c r="BT28" s="257"/>
      <c r="BU28" s="257"/>
      <c r="BV28" s="257"/>
      <c r="BW28" s="257"/>
      <c r="BX28" s="257"/>
      <c r="BY28" s="257"/>
      <c r="BZ28" s="257"/>
      <c r="CA28" s="257"/>
      <c r="CB28" s="257"/>
      <c r="CC28" s="257"/>
      <c r="CD28" s="257"/>
      <c r="CE28" s="257"/>
      <c r="CF28" s="257"/>
      <c r="CG28" s="257"/>
      <c r="CH28" s="257"/>
      <c r="CI28" s="257"/>
      <c r="CJ28" s="257"/>
      <c r="CK28" s="257"/>
      <c r="CL28" s="257"/>
      <c r="CM28" s="257"/>
      <c r="CN28" s="257"/>
      <c r="CO28" s="257"/>
      <c r="CP28" s="257"/>
      <c r="CQ28" s="257"/>
      <c r="CR28" s="257"/>
      <c r="CS28" s="257"/>
      <c r="CT28" s="260"/>
      <c r="CU28" s="260"/>
      <c r="CV28" s="260"/>
      <c r="CW28" s="260"/>
      <c r="CX28" s="260"/>
      <c r="CY28" s="260"/>
      <c r="CZ28" s="260"/>
      <c r="DA28" s="260"/>
      <c r="DB28" s="260"/>
      <c r="DC28" s="266"/>
    </row>
    <row r="29" spans="1:146" s="103" customFormat="1" ht="23.25" customHeight="1" x14ac:dyDescent="0.25">
      <c r="A29" s="118"/>
      <c r="B29" s="276"/>
      <c r="C29" s="277"/>
      <c r="D29" s="277"/>
      <c r="E29" s="277"/>
      <c r="F29" s="257"/>
      <c r="G29" s="277"/>
      <c r="H29" s="277"/>
      <c r="I29" s="685" t="s">
        <v>297</v>
      </c>
      <c r="J29" s="685"/>
      <c r="K29" s="685"/>
      <c r="L29" s="685"/>
      <c r="M29" s="685"/>
      <c r="N29" s="685"/>
      <c r="O29" s="685"/>
      <c r="P29" s="685"/>
      <c r="Q29" s="685"/>
      <c r="R29" s="685"/>
      <c r="S29" s="685"/>
      <c r="T29" s="685"/>
      <c r="U29" s="685"/>
      <c r="V29" s="685"/>
      <c r="W29" s="685"/>
      <c r="X29" s="685"/>
      <c r="Y29" s="685"/>
      <c r="Z29" s="685"/>
      <c r="AA29" s="685"/>
      <c r="AB29" s="685"/>
      <c r="AC29" s="685"/>
      <c r="AD29" s="685"/>
      <c r="AE29" s="277"/>
      <c r="AF29" s="277"/>
      <c r="AG29" s="277"/>
      <c r="AH29" s="277"/>
      <c r="AI29" s="277"/>
      <c r="AJ29" s="277"/>
      <c r="AK29" s="277"/>
      <c r="AL29" s="277"/>
      <c r="AM29" s="277"/>
      <c r="AN29" s="278"/>
      <c r="AO29" s="278"/>
      <c r="AP29" s="278"/>
      <c r="AQ29" s="278"/>
      <c r="AR29" s="278"/>
      <c r="AS29" s="278"/>
      <c r="AT29" s="278"/>
      <c r="AU29" s="278"/>
      <c r="AV29" s="257"/>
      <c r="AW29" s="257"/>
      <c r="AX29" s="257"/>
      <c r="AY29" s="257"/>
      <c r="AZ29" s="257"/>
      <c r="BA29" s="257"/>
      <c r="BB29" s="257"/>
      <c r="BC29" s="257"/>
      <c r="BD29" s="257"/>
      <c r="BE29" s="257"/>
      <c r="BF29" s="257"/>
      <c r="BG29" s="257"/>
      <c r="BH29" s="257"/>
      <c r="BI29" s="257"/>
      <c r="BJ29" s="257"/>
      <c r="BK29" s="257"/>
      <c r="BL29" s="257"/>
      <c r="BM29" s="257"/>
      <c r="BN29" s="257"/>
      <c r="BO29" s="257"/>
      <c r="BP29" s="257"/>
      <c r="BQ29" s="257"/>
      <c r="BR29" s="257"/>
      <c r="BS29" s="257"/>
      <c r="BT29" s="257"/>
      <c r="BU29" s="280"/>
      <c r="BV29" s="257"/>
      <c r="BW29" s="257"/>
      <c r="BX29" s="257"/>
      <c r="BY29" s="257"/>
      <c r="BZ29" s="257"/>
      <c r="CA29" s="257"/>
      <c r="CB29" s="257"/>
      <c r="CC29" s="257"/>
      <c r="CD29" s="257"/>
      <c r="CE29" s="257"/>
      <c r="CF29" s="257"/>
      <c r="CG29" s="280"/>
      <c r="CH29" s="257"/>
      <c r="CI29" s="257"/>
      <c r="CJ29" s="257"/>
      <c r="CK29" s="257"/>
      <c r="CL29" s="257"/>
      <c r="CM29" s="257"/>
      <c r="CN29" s="257"/>
      <c r="CO29" s="257"/>
      <c r="CP29" s="257"/>
      <c r="CQ29" s="257"/>
      <c r="CR29" s="257"/>
      <c r="CS29" s="257"/>
      <c r="CT29" s="260"/>
      <c r="CU29" s="260"/>
      <c r="CV29" s="260"/>
      <c r="CW29" s="260"/>
      <c r="CX29" s="260"/>
      <c r="CY29" s="260"/>
      <c r="CZ29" s="260"/>
      <c r="DA29" s="260"/>
      <c r="DB29" s="260"/>
      <c r="DC29" s="266"/>
    </row>
    <row r="30" spans="1:146" s="130" customFormat="1" ht="23.25" customHeight="1" x14ac:dyDescent="0.25">
      <c r="A30" s="127"/>
      <c r="B30" s="281"/>
      <c r="C30" s="279"/>
      <c r="D30" s="279"/>
      <c r="E30" s="279"/>
      <c r="F30" s="279"/>
      <c r="G30" s="279"/>
      <c r="H30" s="279"/>
      <c r="I30" s="279"/>
      <c r="J30" s="279"/>
      <c r="K30" s="279"/>
      <c r="L30" s="279"/>
      <c r="M30" s="279"/>
      <c r="N30" s="279"/>
      <c r="O30" s="279"/>
      <c r="P30" s="279"/>
      <c r="Q30" s="279"/>
      <c r="R30" s="279"/>
      <c r="S30" s="279"/>
      <c r="T30" s="279"/>
      <c r="U30" s="279"/>
      <c r="V30" s="279"/>
      <c r="W30" s="279"/>
      <c r="X30" s="279"/>
      <c r="Y30" s="279"/>
      <c r="Z30" s="279"/>
      <c r="AA30" s="279"/>
      <c r="AB30" s="279"/>
      <c r="AC30" s="279"/>
      <c r="AD30" s="279"/>
      <c r="AE30" s="279"/>
      <c r="AF30" s="279"/>
      <c r="AG30" s="279"/>
      <c r="AH30" s="279"/>
      <c r="AI30" s="279"/>
      <c r="AJ30" s="279"/>
      <c r="AK30" s="279"/>
      <c r="AL30" s="279"/>
      <c r="AM30" s="279"/>
      <c r="AN30" s="282"/>
      <c r="AO30" s="282"/>
      <c r="AP30" s="282"/>
      <c r="AQ30" s="282"/>
      <c r="AR30" s="282"/>
      <c r="AS30" s="282"/>
      <c r="AT30" s="282"/>
      <c r="AU30" s="282"/>
      <c r="AV30" s="280"/>
      <c r="AW30" s="280"/>
      <c r="AX30" s="280"/>
      <c r="AY30" s="280"/>
      <c r="AZ30" s="280"/>
      <c r="BA30" s="280"/>
      <c r="BB30" s="280"/>
      <c r="BC30" s="280"/>
      <c r="BD30" s="280"/>
      <c r="BE30" s="280"/>
      <c r="BF30" s="280"/>
      <c r="BG30" s="280"/>
      <c r="BH30" s="280"/>
      <c r="BI30" s="280"/>
      <c r="BJ30" s="280"/>
      <c r="BK30" s="257"/>
      <c r="BL30" s="257"/>
      <c r="BM30" s="257"/>
      <c r="BN30" s="257"/>
      <c r="BO30" s="257"/>
      <c r="BP30" s="257"/>
      <c r="BQ30" s="257"/>
      <c r="BR30" s="257"/>
      <c r="BS30" s="157"/>
      <c r="BT30" s="279"/>
      <c r="BU30" s="279"/>
      <c r="BV30" s="279"/>
      <c r="BW30" s="279"/>
      <c r="BX30" s="279"/>
      <c r="BY30" s="279"/>
      <c r="BZ30" s="279"/>
      <c r="CA30" s="279"/>
      <c r="CB30" s="279"/>
      <c r="CC30" s="279"/>
      <c r="CD30" s="279"/>
      <c r="CE30" s="279"/>
      <c r="CF30" s="279"/>
      <c r="CG30" s="283"/>
      <c r="CH30" s="280"/>
      <c r="CI30" s="280"/>
      <c r="CJ30" s="280"/>
      <c r="CK30" s="280"/>
      <c r="CL30" s="280"/>
      <c r="CM30" s="280"/>
      <c r="CN30" s="280"/>
      <c r="CO30" s="280"/>
      <c r="CP30" s="280"/>
      <c r="CQ30" s="280"/>
      <c r="CR30" s="280"/>
      <c r="CS30" s="280"/>
      <c r="CT30" s="265"/>
      <c r="CU30" s="267"/>
      <c r="CV30" s="267"/>
      <c r="CW30" s="267"/>
      <c r="CX30" s="267"/>
      <c r="CY30" s="267"/>
      <c r="CZ30" s="267"/>
      <c r="DA30" s="267"/>
      <c r="DB30" s="267"/>
      <c r="DC30" s="269"/>
    </row>
    <row r="31" spans="1:146" s="130" customFormat="1" ht="23.25" customHeight="1" x14ac:dyDescent="0.25">
      <c r="A31" s="127"/>
      <c r="B31" s="281" t="s">
        <v>231</v>
      </c>
      <c r="C31" s="279"/>
      <c r="D31" s="279"/>
      <c r="E31" s="279"/>
      <c r="F31" s="279"/>
      <c r="G31" s="279"/>
      <c r="H31" s="279"/>
      <c r="I31" s="279"/>
      <c r="J31" s="279"/>
      <c r="K31" s="279"/>
      <c r="L31" s="279"/>
      <c r="M31" s="279"/>
      <c r="N31" s="279"/>
      <c r="O31" s="279"/>
      <c r="P31" s="279"/>
      <c r="Q31" s="279"/>
      <c r="R31" s="279"/>
      <c r="S31" s="279"/>
      <c r="T31" s="279"/>
      <c r="U31" s="279"/>
      <c r="V31" s="279"/>
      <c r="W31" s="279"/>
      <c r="X31" s="279"/>
      <c r="Y31" s="279"/>
      <c r="Z31" s="279"/>
      <c r="AA31" s="279"/>
      <c r="AB31" s="279"/>
      <c r="AC31" s="279"/>
      <c r="AD31" s="279"/>
      <c r="AE31" s="279"/>
      <c r="AF31" s="279"/>
      <c r="AG31" s="279"/>
      <c r="AH31" s="279"/>
      <c r="AI31" s="279"/>
      <c r="AJ31" s="279"/>
      <c r="AK31" s="279"/>
      <c r="AL31" s="279"/>
      <c r="AM31" s="279"/>
      <c r="AN31" s="282"/>
      <c r="AO31" s="282"/>
      <c r="AP31" s="282"/>
      <c r="AQ31" s="282"/>
      <c r="AR31" s="282"/>
      <c r="AS31" s="282"/>
      <c r="AT31" s="282"/>
      <c r="AU31" s="282"/>
      <c r="AV31" s="284"/>
      <c r="AW31" s="284"/>
      <c r="AX31" s="284"/>
      <c r="AY31" s="284"/>
      <c r="AZ31" s="284"/>
      <c r="BA31" s="284"/>
      <c r="BB31" s="284"/>
      <c r="BC31" s="283"/>
      <c r="BD31" s="283"/>
      <c r="BE31" s="283"/>
      <c r="BF31" s="283"/>
      <c r="BG31" s="283"/>
      <c r="BH31" s="283"/>
      <c r="BI31" s="283"/>
      <c r="BJ31" s="283"/>
      <c r="BK31" s="265" t="s">
        <v>268</v>
      </c>
      <c r="BL31" s="279"/>
      <c r="BM31" s="279"/>
      <c r="BN31" s="279"/>
      <c r="BO31" s="279"/>
      <c r="BP31" s="279"/>
      <c r="BQ31" s="279"/>
      <c r="BR31" s="279"/>
      <c r="BS31" s="279"/>
      <c r="BT31" s="279"/>
      <c r="BU31" s="279"/>
      <c r="BV31" s="157"/>
      <c r="BW31" s="279"/>
      <c r="BX31" s="279"/>
      <c r="BY31" s="279"/>
      <c r="BZ31" s="279"/>
      <c r="CA31" s="279"/>
      <c r="CB31" s="279"/>
      <c r="CC31" s="279"/>
      <c r="CD31" s="279"/>
      <c r="CE31" s="279"/>
      <c r="CF31" s="279"/>
      <c r="CG31" s="283"/>
      <c r="CH31" s="283"/>
      <c r="CI31" s="283"/>
      <c r="CJ31" s="283"/>
      <c r="CK31" s="283"/>
      <c r="CL31" s="283"/>
      <c r="CM31" s="283"/>
      <c r="CN31" s="283"/>
      <c r="CO31" s="283"/>
      <c r="CP31" s="283"/>
      <c r="CQ31" s="283"/>
      <c r="CR31" s="283"/>
      <c r="CS31" s="283"/>
      <c r="CT31" s="265"/>
      <c r="CU31" s="268"/>
      <c r="CV31" s="268"/>
      <c r="CW31" s="268"/>
      <c r="CX31" s="268"/>
      <c r="CY31" s="268"/>
      <c r="CZ31" s="268"/>
      <c r="DA31" s="268"/>
      <c r="DB31" s="268"/>
      <c r="DC31" s="286"/>
    </row>
    <row r="32" spans="1:146" s="130" customFormat="1" ht="23.25" customHeight="1" x14ac:dyDescent="0.25">
      <c r="A32" s="127"/>
      <c r="B32" s="281" t="s">
        <v>232</v>
      </c>
      <c r="C32" s="279"/>
      <c r="D32" s="279"/>
      <c r="E32" s="279"/>
      <c r="F32" s="279"/>
      <c r="G32" s="279"/>
      <c r="H32" s="279"/>
      <c r="I32" s="279"/>
      <c r="J32" s="279"/>
      <c r="K32" s="279"/>
      <c r="L32" s="279"/>
      <c r="M32" s="279"/>
      <c r="N32" s="279"/>
      <c r="O32" s="279"/>
      <c r="P32" s="279"/>
      <c r="Q32" s="279"/>
      <c r="R32" s="279"/>
      <c r="S32" s="279"/>
      <c r="T32" s="279"/>
      <c r="U32" s="279"/>
      <c r="V32" s="279"/>
      <c r="W32" s="279"/>
      <c r="X32" s="279"/>
      <c r="Y32" s="279"/>
      <c r="Z32" s="279"/>
      <c r="AA32" s="279"/>
      <c r="AB32" s="279"/>
      <c r="AC32" s="279"/>
      <c r="AD32" s="279"/>
      <c r="AE32" s="279"/>
      <c r="AF32" s="279"/>
      <c r="AG32" s="279"/>
      <c r="AH32" s="279"/>
      <c r="AI32" s="279"/>
      <c r="AJ32" s="279"/>
      <c r="AK32" s="279"/>
      <c r="AL32" s="279"/>
      <c r="AM32" s="279"/>
      <c r="AN32" s="282"/>
      <c r="AO32" s="282"/>
      <c r="AP32" s="282"/>
      <c r="AQ32" s="282"/>
      <c r="AR32" s="282"/>
      <c r="AS32" s="282"/>
      <c r="AT32" s="282"/>
      <c r="AU32" s="282"/>
      <c r="AV32" s="284"/>
      <c r="AW32" s="284"/>
      <c r="AX32" s="284"/>
      <c r="AY32" s="284"/>
      <c r="AZ32" s="284"/>
      <c r="BA32" s="284"/>
      <c r="BB32" s="284"/>
      <c r="BC32" s="283"/>
      <c r="BD32" s="283"/>
      <c r="BE32" s="283"/>
      <c r="BF32" s="283"/>
      <c r="BG32" s="283"/>
      <c r="BH32" s="283"/>
      <c r="BI32" s="283"/>
      <c r="BJ32" s="283"/>
      <c r="BK32" s="297" t="s">
        <v>269</v>
      </c>
      <c r="BL32" s="285"/>
      <c r="BM32" s="285"/>
      <c r="BN32" s="285"/>
      <c r="BO32" s="285"/>
      <c r="BP32" s="285"/>
      <c r="BQ32" s="285"/>
      <c r="BR32" s="279"/>
      <c r="BS32" s="279"/>
      <c r="BT32" s="279"/>
      <c r="BU32" s="279"/>
      <c r="BV32" s="279"/>
      <c r="BW32" s="279"/>
      <c r="BX32" s="279"/>
      <c r="BY32" s="279"/>
      <c r="BZ32" s="279"/>
      <c r="CA32" s="279"/>
      <c r="CB32" s="279"/>
      <c r="CC32" s="279"/>
      <c r="CD32" s="279"/>
      <c r="CE32" s="279"/>
      <c r="CF32" s="279"/>
      <c r="CG32" s="280"/>
      <c r="CH32" s="283"/>
      <c r="CI32" s="283"/>
      <c r="CJ32" s="283"/>
      <c r="CK32" s="283"/>
      <c r="CL32" s="283"/>
      <c r="CM32" s="283"/>
      <c r="CN32" s="283"/>
      <c r="CO32" s="283"/>
      <c r="CP32" s="283"/>
      <c r="CQ32" s="283"/>
      <c r="CR32" s="283"/>
      <c r="CS32" s="283"/>
      <c r="CT32" s="265"/>
      <c r="CU32" s="268"/>
      <c r="CV32" s="268"/>
      <c r="CW32" s="268"/>
      <c r="CX32" s="268"/>
      <c r="CY32" s="268"/>
      <c r="CZ32" s="268"/>
      <c r="DA32" s="268"/>
      <c r="DB32" s="268"/>
      <c r="DC32" s="286"/>
    </row>
    <row r="33" spans="1:107" s="130" customFormat="1" ht="23.25" customHeight="1" x14ac:dyDescent="0.25">
      <c r="A33" s="127"/>
      <c r="B33" s="281"/>
      <c r="C33" s="279"/>
      <c r="D33" s="279"/>
      <c r="E33" s="279"/>
      <c r="F33" s="279"/>
      <c r="G33" s="279"/>
      <c r="H33" s="279"/>
      <c r="I33" s="279"/>
      <c r="J33" s="279"/>
      <c r="K33" s="279"/>
      <c r="L33" s="279"/>
      <c r="M33" s="279"/>
      <c r="N33" s="279"/>
      <c r="O33" s="279"/>
      <c r="P33" s="279"/>
      <c r="Q33" s="279"/>
      <c r="R33" s="279"/>
      <c r="S33" s="279"/>
      <c r="T33" s="279"/>
      <c r="U33" s="279"/>
      <c r="V33" s="279"/>
      <c r="W33" s="279"/>
      <c r="X33" s="279"/>
      <c r="Y33" s="279"/>
      <c r="Z33" s="279"/>
      <c r="AA33" s="279"/>
      <c r="AB33" s="279"/>
      <c r="AC33" s="279"/>
      <c r="AD33" s="279"/>
      <c r="AE33" s="279"/>
      <c r="AF33" s="279"/>
      <c r="AG33" s="279"/>
      <c r="AH33" s="279"/>
      <c r="AI33" s="279"/>
      <c r="AJ33" s="279"/>
      <c r="AK33" s="279"/>
      <c r="AL33" s="279"/>
      <c r="AM33" s="279"/>
      <c r="AN33" s="282"/>
      <c r="AO33" s="282"/>
      <c r="AP33" s="282"/>
      <c r="AQ33" s="282"/>
      <c r="AR33" s="282"/>
      <c r="AS33" s="282"/>
      <c r="AT33" s="282"/>
      <c r="AU33" s="282"/>
      <c r="AV33" s="280"/>
      <c r="AW33" s="280"/>
      <c r="AX33" s="280"/>
      <c r="AY33" s="280"/>
      <c r="AZ33" s="280"/>
      <c r="BA33" s="280"/>
      <c r="BB33" s="280"/>
      <c r="BC33" s="280"/>
      <c r="BD33" s="280"/>
      <c r="BE33" s="280"/>
      <c r="BF33" s="280"/>
      <c r="BG33" s="280"/>
      <c r="BH33" s="280"/>
      <c r="BI33" s="280"/>
      <c r="BJ33" s="280"/>
      <c r="BK33" s="265" t="s">
        <v>272</v>
      </c>
      <c r="BL33" s="279"/>
      <c r="BM33" s="279"/>
      <c r="BN33" s="279"/>
      <c r="BO33" s="279"/>
      <c r="BP33" s="279"/>
      <c r="BQ33" s="279"/>
      <c r="BR33" s="279"/>
      <c r="BS33" s="279"/>
      <c r="BT33" s="279"/>
      <c r="BU33" s="279"/>
      <c r="BV33" s="279"/>
      <c r="BW33" s="279"/>
      <c r="BX33" s="279"/>
      <c r="BY33" s="279"/>
      <c r="BZ33" s="279"/>
      <c r="CA33" s="279"/>
      <c r="CB33" s="279"/>
      <c r="CC33" s="279"/>
      <c r="CD33" s="157"/>
      <c r="CE33" s="280"/>
      <c r="CF33" s="279"/>
      <c r="CG33" s="157"/>
      <c r="CH33" s="280"/>
      <c r="CI33" s="280"/>
      <c r="CJ33" s="280"/>
      <c r="CK33" s="280"/>
      <c r="CL33" s="280"/>
      <c r="CM33" s="279"/>
      <c r="CN33" s="280"/>
      <c r="CO33" s="280"/>
      <c r="CP33" s="280"/>
      <c r="CQ33" s="280"/>
      <c r="CR33" s="280"/>
      <c r="CS33" s="280"/>
      <c r="CT33" s="265"/>
      <c r="CU33" s="267"/>
      <c r="CV33" s="267"/>
      <c r="CW33" s="267"/>
      <c r="CX33" s="267"/>
      <c r="CY33" s="267"/>
      <c r="CZ33" s="267"/>
      <c r="DA33" s="267"/>
      <c r="DB33" s="267"/>
      <c r="DC33" s="269"/>
    </row>
    <row r="34" spans="1:107" s="130" customFormat="1" ht="23.25" customHeight="1" x14ac:dyDescent="0.25">
      <c r="A34" s="127"/>
      <c r="B34" s="281"/>
      <c r="C34" s="279"/>
      <c r="D34" s="279"/>
      <c r="E34" s="279"/>
      <c r="F34" s="279"/>
      <c r="G34" s="279"/>
      <c r="H34" s="279"/>
      <c r="I34" s="279"/>
      <c r="J34" s="279"/>
      <c r="K34" s="279"/>
      <c r="L34" s="279"/>
      <c r="M34" s="279"/>
      <c r="N34" s="279"/>
      <c r="O34" s="279"/>
      <c r="P34" s="279"/>
      <c r="Q34" s="279"/>
      <c r="R34" s="279"/>
      <c r="S34" s="279"/>
      <c r="T34" s="279"/>
      <c r="U34" s="279"/>
      <c r="V34" s="279"/>
      <c r="W34" s="279"/>
      <c r="X34" s="279"/>
      <c r="Y34" s="279"/>
      <c r="Z34" s="279"/>
      <c r="AA34" s="279"/>
      <c r="AB34" s="279"/>
      <c r="AC34" s="279"/>
      <c r="AD34" s="279"/>
      <c r="AE34" s="279"/>
      <c r="AF34" s="279"/>
      <c r="AG34" s="279"/>
      <c r="AH34" s="279"/>
      <c r="AI34" s="279"/>
      <c r="AJ34" s="279"/>
      <c r="AK34" s="279"/>
      <c r="AL34" s="279"/>
      <c r="AM34" s="279"/>
      <c r="AN34" s="282"/>
      <c r="AO34" s="282"/>
      <c r="AP34" s="282"/>
      <c r="AQ34" s="282"/>
      <c r="AR34" s="282"/>
      <c r="AS34" s="282"/>
      <c r="AT34" s="282"/>
      <c r="AU34" s="282"/>
      <c r="AV34" s="280"/>
      <c r="AW34" s="280"/>
      <c r="AX34" s="280"/>
      <c r="AY34" s="280"/>
      <c r="AZ34" s="280"/>
      <c r="BA34" s="280"/>
      <c r="BB34" s="280"/>
      <c r="BC34" s="280"/>
      <c r="BD34" s="280"/>
      <c r="BE34" s="280"/>
      <c r="BF34" s="280"/>
      <c r="BG34" s="280"/>
      <c r="BH34" s="280"/>
      <c r="BI34" s="280"/>
      <c r="BJ34" s="280"/>
      <c r="BK34" s="298" t="s">
        <v>270</v>
      </c>
      <c r="CY34" s="267"/>
      <c r="CZ34" s="267"/>
      <c r="DA34" s="267"/>
      <c r="DB34" s="267"/>
      <c r="DC34" s="269"/>
    </row>
    <row r="35" spans="1:107" s="130" customFormat="1" ht="9.75" customHeight="1" thickBot="1" x14ac:dyDescent="0.3">
      <c r="A35" s="127"/>
      <c r="B35" s="270"/>
      <c r="C35" s="271"/>
      <c r="D35" s="271"/>
      <c r="E35" s="271"/>
      <c r="F35" s="271"/>
      <c r="G35" s="271"/>
      <c r="H35" s="271"/>
      <c r="I35" s="271"/>
      <c r="J35" s="271"/>
      <c r="K35" s="271"/>
      <c r="L35" s="271"/>
      <c r="M35" s="271"/>
      <c r="N35" s="271"/>
      <c r="O35" s="271"/>
      <c r="P35" s="271"/>
      <c r="Q35" s="271"/>
      <c r="R35" s="271"/>
      <c r="S35" s="271"/>
      <c r="T35" s="271"/>
      <c r="U35" s="271"/>
      <c r="V35" s="271"/>
      <c r="W35" s="271"/>
      <c r="X35" s="272"/>
      <c r="Y35" s="271"/>
      <c r="Z35" s="271"/>
      <c r="AA35" s="271"/>
      <c r="AB35" s="271"/>
      <c r="AC35" s="271"/>
      <c r="AD35" s="271"/>
      <c r="AE35" s="271"/>
      <c r="AF35" s="271"/>
      <c r="AG35" s="271"/>
      <c r="AH35" s="271"/>
      <c r="AI35" s="271"/>
      <c r="AJ35" s="271"/>
      <c r="AK35" s="271"/>
      <c r="AL35" s="271"/>
      <c r="AM35" s="271"/>
      <c r="AN35" s="271"/>
      <c r="AO35" s="271"/>
      <c r="AP35" s="271"/>
      <c r="AQ35" s="271"/>
      <c r="AR35" s="271"/>
      <c r="AS35" s="271"/>
      <c r="AT35" s="271"/>
      <c r="AU35" s="271"/>
      <c r="AV35" s="272"/>
      <c r="AW35" s="272"/>
      <c r="AX35" s="272"/>
      <c r="AY35" s="272"/>
      <c r="AZ35" s="272"/>
      <c r="BA35" s="272"/>
      <c r="BB35" s="272"/>
      <c r="BC35" s="272"/>
      <c r="BD35" s="272"/>
      <c r="BE35" s="272"/>
      <c r="BF35" s="272"/>
      <c r="BG35" s="272"/>
      <c r="BH35" s="272"/>
      <c r="BI35" s="272"/>
      <c r="BJ35" s="272"/>
      <c r="BK35" s="272"/>
      <c r="BL35" s="272"/>
      <c r="BM35" s="272"/>
      <c r="BN35" s="272"/>
      <c r="BO35" s="272"/>
      <c r="BP35" s="272"/>
      <c r="BQ35" s="272"/>
      <c r="BR35" s="272"/>
      <c r="BS35" s="272"/>
      <c r="BT35" s="272"/>
      <c r="BU35" s="271"/>
      <c r="BV35" s="271"/>
      <c r="BW35" s="271"/>
      <c r="BX35" s="271"/>
      <c r="BY35" s="271"/>
      <c r="BZ35" s="271"/>
      <c r="CA35" s="271"/>
      <c r="CB35" s="271"/>
      <c r="CC35" s="271"/>
      <c r="CD35" s="271"/>
      <c r="CE35" s="271"/>
      <c r="CF35" s="271"/>
      <c r="CG35" s="271"/>
      <c r="CH35" s="271"/>
      <c r="CI35" s="271"/>
      <c r="CJ35" s="271"/>
      <c r="CK35" s="271"/>
      <c r="CL35" s="271"/>
      <c r="CM35" s="271"/>
      <c r="CN35" s="271"/>
      <c r="CO35" s="271"/>
      <c r="CP35" s="271"/>
      <c r="CQ35" s="272"/>
      <c r="CR35" s="271"/>
      <c r="CS35" s="271"/>
      <c r="CT35" s="272"/>
      <c r="CU35" s="272"/>
      <c r="CV35" s="272"/>
      <c r="CW35" s="272"/>
      <c r="CX35" s="272"/>
      <c r="CY35" s="272"/>
      <c r="CZ35" s="272"/>
      <c r="DA35" s="272"/>
      <c r="DB35" s="272"/>
      <c r="DC35" s="273"/>
    </row>
    <row r="36" spans="1:107" s="130" customFormat="1" ht="12.75" customHeight="1" thickTop="1" x14ac:dyDescent="0.2">
      <c r="A36" s="127"/>
      <c r="B36" s="104"/>
      <c r="C36" s="104"/>
      <c r="D36" s="104"/>
      <c r="E36" s="104"/>
      <c r="F36" s="104"/>
      <c r="G36" s="104"/>
      <c r="H36" s="104"/>
      <c r="I36" s="104"/>
      <c r="J36" s="104"/>
      <c r="K36" s="104"/>
      <c r="L36" s="104"/>
      <c r="M36" s="104"/>
      <c r="N36" s="104"/>
      <c r="O36" s="104"/>
      <c r="P36" s="104"/>
      <c r="Q36" s="104"/>
      <c r="R36" s="104"/>
      <c r="S36" s="104"/>
      <c r="T36" s="104"/>
      <c r="U36" s="104"/>
      <c r="V36" s="104"/>
      <c r="W36" s="104"/>
      <c r="X36" s="103"/>
      <c r="Y36" s="104"/>
      <c r="Z36" s="104"/>
      <c r="AA36" s="104"/>
      <c r="AB36" s="104"/>
      <c r="AC36" s="104"/>
      <c r="AD36" s="104"/>
      <c r="AE36" s="104"/>
      <c r="AF36" s="104"/>
      <c r="AG36" s="104"/>
      <c r="AH36" s="104"/>
      <c r="AI36" s="104"/>
      <c r="AJ36" s="104"/>
      <c r="AK36" s="104"/>
      <c r="AL36" s="104"/>
      <c r="AM36" s="104"/>
      <c r="AN36" s="104"/>
      <c r="AO36" s="104"/>
      <c r="AP36" s="104"/>
      <c r="AQ36" s="104"/>
      <c r="AR36" s="104"/>
      <c r="AS36" s="104"/>
      <c r="AT36" s="104"/>
      <c r="AU36" s="104"/>
      <c r="AV36" s="103"/>
      <c r="AW36" s="103"/>
      <c r="AX36" s="103"/>
      <c r="AY36" s="103"/>
      <c r="AZ36" s="103"/>
      <c r="BA36" s="103"/>
      <c r="BB36" s="103"/>
      <c r="BC36" s="103"/>
      <c r="BD36" s="103"/>
      <c r="BE36" s="103"/>
      <c r="BF36" s="103"/>
      <c r="BG36" s="103"/>
      <c r="BH36" s="103"/>
      <c r="BI36" s="103"/>
      <c r="BJ36" s="103"/>
      <c r="BK36" s="103"/>
      <c r="BL36" s="103"/>
      <c r="BM36" s="103"/>
      <c r="BN36" s="103"/>
      <c r="BO36" s="103"/>
      <c r="BP36" s="103"/>
      <c r="BQ36" s="103"/>
      <c r="BR36" s="103"/>
      <c r="BS36" s="103"/>
      <c r="BT36" s="103"/>
      <c r="BU36" s="103"/>
      <c r="BV36" s="103"/>
      <c r="BW36" s="103"/>
      <c r="BX36" s="103"/>
      <c r="BY36" s="103"/>
      <c r="BZ36" s="103"/>
      <c r="CA36" s="103"/>
      <c r="CB36" s="103"/>
      <c r="CC36" s="103"/>
      <c r="CD36" s="103"/>
      <c r="CE36" s="103"/>
      <c r="CF36" s="103"/>
      <c r="CG36" s="103"/>
      <c r="CH36" s="103"/>
      <c r="CI36" s="103"/>
      <c r="CJ36" s="103"/>
      <c r="CK36" s="103"/>
      <c r="CL36" s="103"/>
      <c r="CM36" s="103"/>
      <c r="CN36" s="103"/>
      <c r="CO36" s="103"/>
      <c r="CP36" s="103"/>
      <c r="CQ36" s="103"/>
      <c r="CR36" s="126"/>
      <c r="CS36" s="126"/>
      <c r="CT36" s="126"/>
      <c r="CU36" s="126"/>
      <c r="CV36" s="126"/>
      <c r="CW36" s="126"/>
      <c r="CX36" s="126"/>
      <c r="CY36" s="126"/>
      <c r="CZ36" s="126"/>
      <c r="DA36" s="126"/>
      <c r="DB36" s="126"/>
      <c r="DC36" s="126"/>
    </row>
    <row r="37" spans="1:107" x14ac:dyDescent="0.2">
      <c r="B37" s="2"/>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row>
    <row r="38" spans="1:107" x14ac:dyDescent="0.2">
      <c r="B38" s="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row>
    <row r="39" spans="1:107" x14ac:dyDescent="0.2">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row>
    <row r="40" spans="1:107" x14ac:dyDescent="0.2">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row>
    <row r="41" spans="1:107" x14ac:dyDescent="0.2">
      <c r="B41" s="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row>
  </sheetData>
  <sheetProtection selectLockedCells="1" selectUnlockedCells="1"/>
  <mergeCells count="128">
    <mergeCell ref="B2:AX2"/>
    <mergeCell ref="B1:DC1"/>
    <mergeCell ref="CI2:DC2"/>
    <mergeCell ref="BC15:BD15"/>
    <mergeCell ref="BE15:BR15"/>
    <mergeCell ref="BS15:CI15"/>
    <mergeCell ref="CJ15:DC15"/>
    <mergeCell ref="BW2:CH2"/>
    <mergeCell ref="AE11:AL11"/>
    <mergeCell ref="B12:I12"/>
    <mergeCell ref="P11:AD12"/>
    <mergeCell ref="AH8:AN8"/>
    <mergeCell ref="AO8:AY8"/>
    <mergeCell ref="B11:I11"/>
    <mergeCell ref="B9:O9"/>
    <mergeCell ref="P9:AY9"/>
    <mergeCell ref="B10:O10"/>
    <mergeCell ref="P10:AY10"/>
    <mergeCell ref="CJ4:CN4"/>
    <mergeCell ref="CO4:CS4"/>
    <mergeCell ref="CT4:CX4"/>
    <mergeCell ref="CY4:DC4"/>
    <mergeCell ref="BC6:BD6"/>
    <mergeCell ref="BE8:BR8"/>
    <mergeCell ref="B24:D24"/>
    <mergeCell ref="CH11:DC11"/>
    <mergeCell ref="CH12:DC12"/>
    <mergeCell ref="BE7:BR7"/>
    <mergeCell ref="BS7:CI7"/>
    <mergeCell ref="BF11:BL11"/>
    <mergeCell ref="BU12:BV12"/>
    <mergeCell ref="BW12:BX12"/>
    <mergeCell ref="BF12:BL12"/>
    <mergeCell ref="CJ7:DC7"/>
    <mergeCell ref="BS8:CI8"/>
    <mergeCell ref="AZ11:BE11"/>
    <mergeCell ref="AZ12:BA12"/>
    <mergeCell ref="CA12:CG12"/>
    <mergeCell ref="AZ6:BB9"/>
    <mergeCell ref="K8:AG8"/>
    <mergeCell ref="B8:J8"/>
    <mergeCell ref="J11:O12"/>
    <mergeCell ref="AE12:AF12"/>
    <mergeCell ref="BB12:BC12"/>
    <mergeCell ref="AK12:AL12"/>
    <mergeCell ref="AM11:AY12"/>
    <mergeCell ref="AG12:AH12"/>
    <mergeCell ref="AI12:AJ12"/>
    <mergeCell ref="CJ9:DC9"/>
    <mergeCell ref="B14:J14"/>
    <mergeCell ref="CA11:CG11"/>
    <mergeCell ref="BS16:CI16"/>
    <mergeCell ref="B4:J4"/>
    <mergeCell ref="K4:X4"/>
    <mergeCell ref="Y4:AR4"/>
    <mergeCell ref="B6:J6"/>
    <mergeCell ref="B7:J7"/>
    <mergeCell ref="BS6:CI6"/>
    <mergeCell ref="K6:AY6"/>
    <mergeCell ref="K7:AY7"/>
    <mergeCell ref="BS14:CI14"/>
    <mergeCell ref="BY12:BZ12"/>
    <mergeCell ref="BQ12:BR12"/>
    <mergeCell ref="BS12:BT12"/>
    <mergeCell ref="BM11:BZ11"/>
    <mergeCell ref="CJ6:DC6"/>
    <mergeCell ref="AZ10:BZ10"/>
    <mergeCell ref="CA10:DC10"/>
    <mergeCell ref="CJ8:DC8"/>
    <mergeCell ref="BC7:BD7"/>
    <mergeCell ref="BE6:BR6"/>
    <mergeCell ref="BC9:BD9"/>
    <mergeCell ref="AO16:AY16"/>
    <mergeCell ref="BC16:BD16"/>
    <mergeCell ref="AZ14:BB17"/>
    <mergeCell ref="BE16:BR16"/>
    <mergeCell ref="BC14:BD14"/>
    <mergeCell ref="BE14:BR14"/>
    <mergeCell ref="B16:J16"/>
    <mergeCell ref="K16:AG16"/>
    <mergeCell ref="AH16:AN16"/>
    <mergeCell ref="K14:AY14"/>
    <mergeCell ref="B15:J15"/>
    <mergeCell ref="K15:AY15"/>
    <mergeCell ref="AS4:CG4"/>
    <mergeCell ref="BE9:BR9"/>
    <mergeCell ref="BS9:CI9"/>
    <mergeCell ref="BS22:CI22"/>
    <mergeCell ref="I29:AD29"/>
    <mergeCell ref="E24:DC24"/>
    <mergeCell ref="BC8:BD8"/>
    <mergeCell ref="BO12:BP12"/>
    <mergeCell ref="BM12:BN12"/>
    <mergeCell ref="BD12:BE12"/>
    <mergeCell ref="B22:O22"/>
    <mergeCell ref="P22:AY22"/>
    <mergeCell ref="BC22:BD22"/>
    <mergeCell ref="CJ14:DC14"/>
    <mergeCell ref="CJ16:DC16"/>
    <mergeCell ref="B17:O17"/>
    <mergeCell ref="P17:AY17"/>
    <mergeCell ref="BC17:BD17"/>
    <mergeCell ref="BE17:BR17"/>
    <mergeCell ref="BS17:CI17"/>
    <mergeCell ref="CJ22:DC22"/>
    <mergeCell ref="BE19:BR19"/>
    <mergeCell ref="BS19:CI19"/>
    <mergeCell ref="CJ17:DC17"/>
    <mergeCell ref="CJ19:DC19"/>
    <mergeCell ref="B20:J20"/>
    <mergeCell ref="K20:AY20"/>
    <mergeCell ref="BC20:BD20"/>
    <mergeCell ref="BE20:BR20"/>
    <mergeCell ref="BS20:CI20"/>
    <mergeCell ref="CJ20:DC20"/>
    <mergeCell ref="B19:J19"/>
    <mergeCell ref="K19:AY19"/>
    <mergeCell ref="AZ19:BB22"/>
    <mergeCell ref="BC19:BD19"/>
    <mergeCell ref="B21:J21"/>
    <mergeCell ref="K21:AG21"/>
    <mergeCell ref="AH21:AN21"/>
    <mergeCell ref="AO21:AY21"/>
    <mergeCell ref="BC21:BD21"/>
    <mergeCell ref="BE21:BR21"/>
    <mergeCell ref="BS21:CI21"/>
    <mergeCell ref="CJ21:DC21"/>
    <mergeCell ref="BE22:BR22"/>
  </mergeCells>
  <phoneticPr fontId="3"/>
  <printOptions horizontalCentered="1"/>
  <pageMargins left="0" right="0" top="0.31496062992125984" bottom="0" header="0" footer="0"/>
  <pageSetup paperSize="9" scale="46" orientation="landscape" horizontalDpi="300" verticalDpi="300" r:id="rId1"/>
  <headerFooter alignWithMargins="0"/>
  <rowBreaks count="1" manualBreakCount="1">
    <brk id="35" min="1" max="106"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DA83"/>
  <sheetViews>
    <sheetView view="pageBreakPreview" zoomScale="85" zoomScaleNormal="85" workbookViewId="0">
      <selection activeCell="B1" sqref="B1:CT1"/>
    </sheetView>
  </sheetViews>
  <sheetFormatPr defaultColWidth="9" defaultRowHeight="13.2" x14ac:dyDescent="0.2"/>
  <cols>
    <col min="1" max="1" width="2.44140625" style="1" customWidth="1"/>
    <col min="2" max="2" width="9.109375" style="1" customWidth="1"/>
    <col min="3" max="3" width="2.77734375" style="1" customWidth="1"/>
    <col min="4" max="7" width="2.6640625" style="1" customWidth="1"/>
    <col min="8" max="45" width="2.21875" style="1" customWidth="1"/>
    <col min="46" max="46" width="3" style="1" customWidth="1"/>
    <col min="47" max="98" width="2.21875" style="1" customWidth="1"/>
    <col min="99" max="16384" width="9" style="1"/>
  </cols>
  <sheetData>
    <row r="1" spans="1:105" ht="38.25" customHeight="1" thickBot="1" x14ac:dyDescent="0.25">
      <c r="B1" s="1174" t="s">
        <v>86</v>
      </c>
      <c r="C1" s="1174"/>
      <c r="D1" s="1174"/>
      <c r="E1" s="1174"/>
      <c r="F1" s="1174"/>
      <c r="G1" s="1174"/>
      <c r="H1" s="1174"/>
      <c r="I1" s="1174"/>
      <c r="J1" s="1174"/>
      <c r="K1" s="1174"/>
      <c r="L1" s="1174"/>
      <c r="M1" s="1174"/>
      <c r="N1" s="1174"/>
      <c r="O1" s="1174"/>
      <c r="P1" s="1174"/>
      <c r="Q1" s="1174"/>
      <c r="R1" s="1174"/>
      <c r="S1" s="1174"/>
      <c r="T1" s="1174"/>
      <c r="U1" s="1174"/>
      <c r="V1" s="1174"/>
      <c r="W1" s="1174"/>
      <c r="X1" s="1174"/>
      <c r="Y1" s="1174"/>
      <c r="Z1" s="1174"/>
      <c r="AA1" s="1174"/>
      <c r="AB1" s="1174"/>
      <c r="AC1" s="1174"/>
      <c r="AD1" s="1174"/>
      <c r="AE1" s="1174"/>
      <c r="AF1" s="1174"/>
      <c r="AG1" s="1174"/>
      <c r="AH1" s="1174"/>
      <c r="AI1" s="1174"/>
      <c r="AJ1" s="1174"/>
      <c r="AK1" s="1174"/>
      <c r="AL1" s="1174"/>
      <c r="AM1" s="1174"/>
      <c r="AN1" s="1174"/>
      <c r="AO1" s="1174"/>
      <c r="AP1" s="1174"/>
      <c r="AQ1" s="1174"/>
      <c r="AR1" s="1174"/>
      <c r="AS1" s="1174"/>
      <c r="AT1" s="1174"/>
      <c r="AU1" s="1174"/>
      <c r="AV1" s="1174"/>
      <c r="AW1" s="1174"/>
      <c r="AX1" s="1174"/>
      <c r="AY1" s="1174"/>
      <c r="AZ1" s="1174"/>
      <c r="BA1" s="1174"/>
      <c r="BB1" s="1174"/>
      <c r="BC1" s="1174"/>
      <c r="BD1" s="1174"/>
      <c r="BE1" s="1174"/>
      <c r="BF1" s="1174"/>
      <c r="BG1" s="1174"/>
      <c r="BH1" s="1174"/>
      <c r="BI1" s="1174"/>
      <c r="BJ1" s="1174"/>
      <c r="BK1" s="1174"/>
      <c r="BL1" s="1174"/>
      <c r="BM1" s="1174"/>
      <c r="BN1" s="1174"/>
      <c r="BO1" s="1174"/>
      <c r="BP1" s="1174"/>
      <c r="BQ1" s="1174"/>
      <c r="BR1" s="1174"/>
      <c r="BS1" s="1174"/>
      <c r="BT1" s="1174"/>
      <c r="BU1" s="1174"/>
      <c r="BV1" s="1174"/>
      <c r="BW1" s="1174"/>
      <c r="BX1" s="1174"/>
      <c r="BY1" s="1174"/>
      <c r="BZ1" s="1174"/>
      <c r="CA1" s="1174"/>
      <c r="CB1" s="1174"/>
      <c r="CC1" s="1174"/>
      <c r="CD1" s="1174"/>
      <c r="CE1" s="1174"/>
      <c r="CF1" s="1174"/>
      <c r="CG1" s="1174"/>
      <c r="CH1" s="1174"/>
      <c r="CI1" s="1174"/>
      <c r="CJ1" s="1174"/>
      <c r="CK1" s="1174"/>
      <c r="CL1" s="1174"/>
      <c r="CM1" s="1174"/>
      <c r="CN1" s="1174"/>
      <c r="CO1" s="1174"/>
      <c r="CP1" s="1174"/>
      <c r="CQ1" s="1174"/>
      <c r="CR1" s="1174"/>
      <c r="CS1" s="1174"/>
      <c r="CT1" s="1174"/>
    </row>
    <row r="2" spans="1:105" s="2" customFormat="1" ht="40.5" customHeight="1" thickTop="1" x14ac:dyDescent="0.15">
      <c r="A2" s="48"/>
      <c r="B2" s="1124" t="s">
        <v>76</v>
      </c>
      <c r="C2" s="1084"/>
      <c r="D2" s="1084"/>
      <c r="E2" s="1084"/>
      <c r="F2" s="1084"/>
      <c r="G2" s="1085"/>
      <c r="H2" s="1046" t="s">
        <v>94</v>
      </c>
      <c r="I2" s="1047"/>
      <c r="J2" s="1047"/>
      <c r="K2" s="1047"/>
      <c r="L2" s="1047"/>
      <c r="M2" s="1047"/>
      <c r="N2" s="1047"/>
      <c r="O2" s="1047"/>
      <c r="P2" s="1047"/>
      <c r="Q2" s="1047"/>
      <c r="R2" s="1047"/>
      <c r="S2" s="1047"/>
      <c r="T2" s="1047"/>
      <c r="U2" s="1047"/>
      <c r="V2" s="1116" t="s">
        <v>107</v>
      </c>
      <c r="W2" s="1117"/>
      <c r="X2" s="1117"/>
      <c r="Y2" s="1117"/>
      <c r="Z2" s="1117"/>
      <c r="AA2" s="1117"/>
      <c r="AB2" s="1130" t="s">
        <v>104</v>
      </c>
      <c r="AC2" s="1130"/>
      <c r="AD2" s="1130"/>
      <c r="AE2" s="1130"/>
      <c r="AF2" s="1130"/>
      <c r="AG2" s="1130"/>
      <c r="AH2" s="1046" t="s">
        <v>103</v>
      </c>
      <c r="AI2" s="1047"/>
      <c r="AJ2" s="1047"/>
      <c r="AK2" s="1047"/>
      <c r="AL2" s="1047"/>
      <c r="AM2" s="1048"/>
      <c r="AN2" s="1046" t="s">
        <v>125</v>
      </c>
      <c r="AO2" s="1047"/>
      <c r="AP2" s="1047"/>
      <c r="AQ2" s="1047"/>
      <c r="AR2" s="1047"/>
      <c r="AS2" s="1182"/>
      <c r="AT2" s="64"/>
      <c r="AU2" s="48"/>
      <c r="AV2" s="53"/>
      <c r="AW2" s="48"/>
      <c r="AX2" s="48"/>
      <c r="AY2" s="48"/>
      <c r="AZ2" s="48"/>
      <c r="BA2" s="48"/>
      <c r="BB2" s="48"/>
      <c r="BC2" s="48"/>
      <c r="BD2" s="48"/>
      <c r="BE2" s="64"/>
      <c r="BF2" s="64"/>
      <c r="BG2" s="64"/>
      <c r="BH2" s="64"/>
      <c r="BI2" s="64"/>
      <c r="BJ2" s="64"/>
      <c r="BK2" s="64"/>
      <c r="BL2" s="64"/>
      <c r="BM2" s="64"/>
      <c r="BN2" s="64"/>
      <c r="BO2" s="64"/>
      <c r="BP2" s="64"/>
      <c r="BQ2" s="64"/>
      <c r="BR2" s="64"/>
      <c r="BS2" s="64"/>
      <c r="BY2" s="83" t="s">
        <v>108</v>
      </c>
      <c r="BZ2" s="1178" t="s">
        <v>106</v>
      </c>
      <c r="CA2" s="1179"/>
      <c r="CB2" s="1179"/>
      <c r="CC2" s="1179"/>
      <c r="CD2" s="1179"/>
      <c r="CE2" s="1179"/>
      <c r="CF2" s="1179"/>
      <c r="CG2" s="1179"/>
      <c r="CH2" s="1180"/>
      <c r="CI2" s="1175"/>
      <c r="CJ2" s="1176"/>
      <c r="CK2" s="1176"/>
      <c r="CL2" s="1176"/>
      <c r="CM2" s="1176"/>
      <c r="CN2" s="1176"/>
      <c r="CO2" s="1176"/>
      <c r="CP2" s="1176"/>
      <c r="CQ2" s="1176"/>
      <c r="CR2" s="1176"/>
      <c r="CS2" s="1176"/>
      <c r="CT2" s="1177"/>
    </row>
    <row r="3" spans="1:105" s="2" customFormat="1" ht="6.75" customHeight="1" thickBot="1" x14ac:dyDescent="0.2">
      <c r="A3" s="48"/>
      <c r="B3" s="1125"/>
      <c r="C3" s="1126"/>
      <c r="D3" s="1126"/>
      <c r="E3" s="1126"/>
      <c r="F3" s="1126"/>
      <c r="G3" s="1127"/>
      <c r="H3" s="1128"/>
      <c r="I3" s="1129"/>
      <c r="J3" s="1129"/>
      <c r="K3" s="1129"/>
      <c r="L3" s="1129"/>
      <c r="M3" s="1129"/>
      <c r="N3" s="1129"/>
      <c r="O3" s="1129"/>
      <c r="P3" s="1129"/>
      <c r="Q3" s="1129"/>
      <c r="R3" s="1129"/>
      <c r="S3" s="1129"/>
      <c r="T3" s="1129"/>
      <c r="U3" s="1129"/>
      <c r="V3" s="1118"/>
      <c r="W3" s="1119"/>
      <c r="X3" s="1119"/>
      <c r="Y3" s="1119"/>
      <c r="Z3" s="1119"/>
      <c r="AA3" s="1119"/>
      <c r="AB3" s="1131"/>
      <c r="AC3" s="1131"/>
      <c r="AD3" s="1131"/>
      <c r="AE3" s="1131"/>
      <c r="AF3" s="1131"/>
      <c r="AG3" s="1131"/>
      <c r="AH3" s="1128"/>
      <c r="AI3" s="1129"/>
      <c r="AJ3" s="1129"/>
      <c r="AK3" s="1129"/>
      <c r="AL3" s="1129"/>
      <c r="AM3" s="1181"/>
      <c r="AN3" s="1128"/>
      <c r="AO3" s="1129"/>
      <c r="AP3" s="1129"/>
      <c r="AQ3" s="1129"/>
      <c r="AR3" s="1129"/>
      <c r="AS3" s="1183"/>
      <c r="AT3" s="64"/>
      <c r="AU3" s="48"/>
      <c r="AV3" s="48"/>
      <c r="AW3" s="48"/>
      <c r="AX3" s="48"/>
      <c r="AY3" s="68"/>
      <c r="AZ3" s="68"/>
      <c r="BA3" s="68"/>
      <c r="BB3" s="68"/>
      <c r="BC3" s="68"/>
      <c r="BD3" s="68"/>
      <c r="BE3" s="68"/>
      <c r="BF3" s="68"/>
      <c r="BG3" s="68"/>
      <c r="BH3" s="68"/>
      <c r="BI3" s="68"/>
      <c r="BJ3" s="68"/>
      <c r="BK3" s="68"/>
      <c r="BL3" s="68"/>
      <c r="BM3" s="68"/>
      <c r="BN3" s="68"/>
      <c r="BO3" s="68"/>
      <c r="BP3" s="68"/>
      <c r="BQ3" s="68"/>
      <c r="BR3" s="68"/>
      <c r="BS3" s="68"/>
      <c r="BT3" s="68"/>
      <c r="BU3" s="68"/>
      <c r="BV3" s="68"/>
      <c r="BW3" s="68"/>
      <c r="BX3" s="80"/>
      <c r="BY3" s="80"/>
      <c r="BZ3" s="80"/>
      <c r="CA3" s="80"/>
      <c r="CB3" s="80"/>
      <c r="CC3" s="68"/>
      <c r="CD3" s="68"/>
      <c r="CE3" s="68"/>
      <c r="CF3" s="68"/>
      <c r="CG3" s="68"/>
      <c r="CH3" s="68"/>
      <c r="CI3" s="68"/>
      <c r="CJ3" s="68"/>
      <c r="CK3" s="68"/>
      <c r="CL3" s="68"/>
      <c r="CM3" s="68"/>
      <c r="CN3" s="68"/>
      <c r="CO3" s="68"/>
      <c r="CP3" s="68"/>
      <c r="CQ3" s="68"/>
      <c r="CR3" s="68"/>
      <c r="CS3" s="68"/>
      <c r="CT3" s="68"/>
    </row>
    <row r="4" spans="1:105" s="64" customFormat="1" ht="12" customHeight="1" thickTop="1" thickBot="1" x14ac:dyDescent="0.2">
      <c r="A4" s="48"/>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8"/>
      <c r="AU4" s="48"/>
      <c r="AV4" s="48"/>
      <c r="AW4" s="48"/>
      <c r="AX4" s="48"/>
      <c r="AY4" s="69"/>
      <c r="AZ4" s="69"/>
      <c r="BA4" s="69"/>
      <c r="BB4" s="69"/>
      <c r="BC4" s="69"/>
      <c r="BD4" s="69"/>
      <c r="BE4" s="69"/>
      <c r="BF4" s="69"/>
      <c r="BG4" s="69"/>
      <c r="BH4" s="69"/>
      <c r="BI4" s="69"/>
      <c r="BJ4" s="69"/>
      <c r="BK4" s="69"/>
      <c r="BL4" s="69"/>
      <c r="BM4" s="69"/>
      <c r="BN4" s="69"/>
      <c r="BO4" s="69"/>
      <c r="BP4" s="69"/>
      <c r="BQ4" s="69"/>
      <c r="BR4" s="69"/>
      <c r="BS4" s="69"/>
      <c r="BT4" s="69"/>
      <c r="BU4" s="69"/>
      <c r="BV4" s="69"/>
      <c r="BW4" s="69"/>
      <c r="BX4" s="70"/>
      <c r="BY4" s="70"/>
      <c r="BZ4" s="70"/>
      <c r="CA4" s="70"/>
      <c r="CB4" s="70"/>
      <c r="CC4" s="69"/>
      <c r="CD4" s="69"/>
      <c r="CE4" s="69"/>
      <c r="CF4" s="69"/>
      <c r="CG4" s="69"/>
      <c r="CH4" s="69"/>
      <c r="CI4" s="69"/>
      <c r="CJ4" s="69"/>
      <c r="CK4" s="69"/>
      <c r="CL4" s="69"/>
      <c r="CM4" s="69"/>
      <c r="CN4" s="69"/>
      <c r="CO4" s="69"/>
      <c r="CP4" s="69"/>
      <c r="CQ4" s="69"/>
      <c r="CR4" s="69"/>
      <c r="CS4" s="69"/>
      <c r="CT4" s="69"/>
    </row>
    <row r="5" spans="1:105" s="2" customFormat="1" ht="17.25" customHeight="1" thickTop="1" x14ac:dyDescent="0.15">
      <c r="A5" s="3"/>
      <c r="B5" s="1067" t="s">
        <v>122</v>
      </c>
      <c r="C5" s="1068"/>
      <c r="D5" s="1069"/>
      <c r="E5" s="1070"/>
      <c r="F5" s="1070"/>
      <c r="G5" s="1070"/>
      <c r="H5" s="1070"/>
      <c r="I5" s="1070"/>
      <c r="J5" s="1070"/>
      <c r="K5" s="1070"/>
      <c r="L5" s="1070"/>
      <c r="M5" s="1070"/>
      <c r="N5" s="1070"/>
      <c r="O5" s="1070"/>
      <c r="P5" s="1070"/>
      <c r="Q5" s="1070"/>
      <c r="R5" s="1070"/>
      <c r="S5" s="1070"/>
      <c r="T5" s="1070"/>
      <c r="U5" s="1070"/>
      <c r="V5" s="1070"/>
      <c r="W5" s="1070"/>
      <c r="X5" s="1070"/>
      <c r="Y5" s="1070"/>
      <c r="Z5" s="1070"/>
      <c r="AA5" s="1071"/>
      <c r="AB5" s="1083" t="s">
        <v>12</v>
      </c>
      <c r="AC5" s="1084"/>
      <c r="AD5" s="1084"/>
      <c r="AE5" s="1084"/>
      <c r="AF5" s="1084"/>
      <c r="AG5" s="1085"/>
      <c r="AH5" s="1046" t="s">
        <v>95</v>
      </c>
      <c r="AI5" s="1047"/>
      <c r="AJ5" s="1047"/>
      <c r="AK5" s="1047"/>
      <c r="AL5" s="1047"/>
      <c r="AM5" s="1047"/>
      <c r="AN5" s="1047"/>
      <c r="AO5" s="1047"/>
      <c r="AP5" s="1047"/>
      <c r="AQ5" s="1047"/>
      <c r="AR5" s="1047"/>
      <c r="AS5" s="1047"/>
      <c r="AT5" s="1047"/>
      <c r="AU5" s="1047"/>
      <c r="AV5" s="1047"/>
      <c r="AW5" s="1047"/>
      <c r="AX5" s="1048"/>
      <c r="AY5" s="1117" t="s">
        <v>14</v>
      </c>
      <c r="AZ5" s="1117"/>
      <c r="BA5" s="1117"/>
      <c r="BB5" s="1117"/>
      <c r="BC5" s="1120"/>
      <c r="BD5" s="1120"/>
      <c r="BE5" s="1120"/>
      <c r="BF5" s="1120"/>
      <c r="BG5" s="1117" t="s">
        <v>123</v>
      </c>
      <c r="BH5" s="1117"/>
      <c r="BI5" s="1117"/>
      <c r="BJ5" s="1117"/>
      <c r="BK5" s="1117"/>
      <c r="BL5" s="1117"/>
      <c r="BM5" s="1117"/>
      <c r="BN5" s="1117"/>
      <c r="BO5" s="1117"/>
      <c r="BP5" s="1117"/>
      <c r="BQ5" s="1117"/>
      <c r="BR5" s="1117"/>
      <c r="BS5" s="1117"/>
      <c r="BT5" s="1117"/>
      <c r="BU5" s="1117"/>
      <c r="BV5" s="1117"/>
      <c r="BW5" s="1117"/>
      <c r="BX5" s="1130" t="s">
        <v>136</v>
      </c>
      <c r="BY5" s="1130"/>
      <c r="BZ5" s="1130"/>
      <c r="CA5" s="1130"/>
      <c r="CB5" s="1130"/>
      <c r="CC5" s="1130"/>
      <c r="CD5" s="1130"/>
      <c r="CE5" s="1130"/>
      <c r="CF5" s="1130"/>
      <c r="CG5" s="1130"/>
      <c r="CH5" s="1130"/>
      <c r="CI5" s="1130"/>
      <c r="CJ5" s="1130"/>
      <c r="CK5" s="1130"/>
      <c r="CL5" s="1130"/>
      <c r="CM5" s="1130"/>
      <c r="CN5" s="1130"/>
      <c r="CO5" s="1130"/>
      <c r="CP5" s="1130"/>
      <c r="CQ5" s="1130"/>
      <c r="CR5" s="1130"/>
      <c r="CS5" s="1130"/>
      <c r="CT5" s="1148"/>
      <c r="CU5" s="57"/>
      <c r="CV5" s="57"/>
      <c r="CW5" s="57"/>
      <c r="CX5" s="57"/>
      <c r="CY5" s="57"/>
      <c r="CZ5" s="57"/>
      <c r="DA5" s="57"/>
    </row>
    <row r="6" spans="1:105" s="2" customFormat="1" ht="11.25" customHeight="1" x14ac:dyDescent="0.15">
      <c r="A6" s="3"/>
      <c r="B6" s="1132" t="s">
        <v>73</v>
      </c>
      <c r="C6" s="982"/>
      <c r="D6" s="993"/>
      <c r="E6" s="994"/>
      <c r="F6" s="994"/>
      <c r="G6" s="994"/>
      <c r="H6" s="994"/>
      <c r="I6" s="994"/>
      <c r="J6" s="994"/>
      <c r="K6" s="994"/>
      <c r="L6" s="994"/>
      <c r="M6" s="994"/>
      <c r="N6" s="994"/>
      <c r="O6" s="994"/>
      <c r="P6" s="994"/>
      <c r="Q6" s="994"/>
      <c r="R6" s="994"/>
      <c r="S6" s="994"/>
      <c r="T6" s="994"/>
      <c r="U6" s="994"/>
      <c r="V6" s="994"/>
      <c r="W6" s="994"/>
      <c r="X6" s="994"/>
      <c r="Y6" s="994"/>
      <c r="Z6" s="994"/>
      <c r="AA6" s="1043"/>
      <c r="AB6" s="984"/>
      <c r="AC6" s="985"/>
      <c r="AD6" s="985"/>
      <c r="AE6" s="985"/>
      <c r="AF6" s="985"/>
      <c r="AG6" s="986"/>
      <c r="AH6" s="1049"/>
      <c r="AI6" s="1050"/>
      <c r="AJ6" s="1050"/>
      <c r="AK6" s="1050"/>
      <c r="AL6" s="1050"/>
      <c r="AM6" s="1050"/>
      <c r="AN6" s="1050"/>
      <c r="AO6" s="1050"/>
      <c r="AP6" s="1050"/>
      <c r="AQ6" s="1050"/>
      <c r="AR6" s="1050"/>
      <c r="AS6" s="1050"/>
      <c r="AT6" s="1050"/>
      <c r="AU6" s="1050"/>
      <c r="AV6" s="1050"/>
      <c r="AW6" s="1050"/>
      <c r="AX6" s="1051"/>
      <c r="AY6" s="1122"/>
      <c r="AZ6" s="1122"/>
      <c r="BA6" s="1122"/>
      <c r="BB6" s="1122"/>
      <c r="BC6" s="1024"/>
      <c r="BD6" s="1024"/>
      <c r="BE6" s="1024"/>
      <c r="BF6" s="1024"/>
      <c r="BG6" s="1122"/>
      <c r="BH6" s="1122"/>
      <c r="BI6" s="1122"/>
      <c r="BJ6" s="1122"/>
      <c r="BK6" s="1122"/>
      <c r="BL6" s="1122"/>
      <c r="BM6" s="1122"/>
      <c r="BN6" s="1122"/>
      <c r="BO6" s="1122"/>
      <c r="BP6" s="1122"/>
      <c r="BQ6" s="1122"/>
      <c r="BR6" s="1122"/>
      <c r="BS6" s="1122"/>
      <c r="BT6" s="1122"/>
      <c r="BU6" s="1122"/>
      <c r="BV6" s="1122"/>
      <c r="BW6" s="1122"/>
      <c r="BX6" s="1149"/>
      <c r="BY6" s="1149"/>
      <c r="BZ6" s="1149"/>
      <c r="CA6" s="1149"/>
      <c r="CB6" s="1149"/>
      <c r="CC6" s="1149"/>
      <c r="CD6" s="1149"/>
      <c r="CE6" s="1149"/>
      <c r="CF6" s="1149"/>
      <c r="CG6" s="1149"/>
      <c r="CH6" s="1149"/>
      <c r="CI6" s="1149"/>
      <c r="CJ6" s="1149"/>
      <c r="CK6" s="1149"/>
      <c r="CL6" s="1149"/>
      <c r="CM6" s="1149"/>
      <c r="CN6" s="1149"/>
      <c r="CO6" s="1149"/>
      <c r="CP6" s="1149"/>
      <c r="CQ6" s="1149"/>
      <c r="CR6" s="1149"/>
      <c r="CS6" s="1149"/>
      <c r="CT6" s="1150"/>
      <c r="CU6" s="57"/>
      <c r="CV6" s="57"/>
      <c r="CW6" s="57"/>
      <c r="CX6" s="57"/>
      <c r="CY6" s="57"/>
      <c r="CZ6" s="57"/>
      <c r="DA6" s="57"/>
    </row>
    <row r="7" spans="1:105" s="2" customFormat="1" ht="33" customHeight="1" thickBot="1" x14ac:dyDescent="0.2">
      <c r="A7" s="3"/>
      <c r="B7" s="1133"/>
      <c r="C7" s="988"/>
      <c r="D7" s="997"/>
      <c r="E7" s="998"/>
      <c r="F7" s="998"/>
      <c r="G7" s="998"/>
      <c r="H7" s="998"/>
      <c r="I7" s="998"/>
      <c r="J7" s="998"/>
      <c r="K7" s="998"/>
      <c r="L7" s="998"/>
      <c r="M7" s="998"/>
      <c r="N7" s="998"/>
      <c r="O7" s="998"/>
      <c r="P7" s="998"/>
      <c r="Q7" s="998"/>
      <c r="R7" s="998"/>
      <c r="S7" s="998"/>
      <c r="T7" s="998"/>
      <c r="U7" s="998"/>
      <c r="V7" s="998"/>
      <c r="W7" s="998"/>
      <c r="X7" s="998"/>
      <c r="Y7" s="998"/>
      <c r="Z7" s="998"/>
      <c r="AA7" s="1045"/>
      <c r="AB7" s="987"/>
      <c r="AC7" s="988"/>
      <c r="AD7" s="988"/>
      <c r="AE7" s="988"/>
      <c r="AF7" s="988"/>
      <c r="AG7" s="989"/>
      <c r="AH7" s="1052"/>
      <c r="AI7" s="1053"/>
      <c r="AJ7" s="1053"/>
      <c r="AK7" s="1053"/>
      <c r="AL7" s="1053"/>
      <c r="AM7" s="1053"/>
      <c r="AN7" s="1053"/>
      <c r="AO7" s="1053"/>
      <c r="AP7" s="1053"/>
      <c r="AQ7" s="1053"/>
      <c r="AR7" s="1053"/>
      <c r="AS7" s="1053"/>
      <c r="AT7" s="1053"/>
      <c r="AU7" s="1053"/>
      <c r="AV7" s="1053"/>
      <c r="AW7" s="1053"/>
      <c r="AX7" s="1054"/>
      <c r="AY7" s="1123"/>
      <c r="AZ7" s="1123"/>
      <c r="BA7" s="1123"/>
      <c r="BB7" s="1123"/>
      <c r="BC7" s="1121"/>
      <c r="BD7" s="1121"/>
      <c r="BE7" s="1121"/>
      <c r="BF7" s="1121"/>
      <c r="BG7" s="1123"/>
      <c r="BH7" s="1123"/>
      <c r="BI7" s="1123"/>
      <c r="BJ7" s="1123"/>
      <c r="BK7" s="1123"/>
      <c r="BL7" s="1123"/>
      <c r="BM7" s="1123"/>
      <c r="BN7" s="1123"/>
      <c r="BO7" s="1123"/>
      <c r="BP7" s="1123"/>
      <c r="BQ7" s="1123"/>
      <c r="BR7" s="1123"/>
      <c r="BS7" s="1123"/>
      <c r="BT7" s="1123"/>
      <c r="BU7" s="1123"/>
      <c r="BV7" s="1123"/>
      <c r="BW7" s="1123"/>
      <c r="BX7" s="1151"/>
      <c r="BY7" s="1151"/>
      <c r="BZ7" s="1151"/>
      <c r="CA7" s="1151"/>
      <c r="CB7" s="1151"/>
      <c r="CC7" s="1151"/>
      <c r="CD7" s="1151"/>
      <c r="CE7" s="1151"/>
      <c r="CF7" s="1151"/>
      <c r="CG7" s="1151"/>
      <c r="CH7" s="1151"/>
      <c r="CI7" s="1151"/>
      <c r="CJ7" s="1151"/>
      <c r="CK7" s="1151"/>
      <c r="CL7" s="1151"/>
      <c r="CM7" s="1151"/>
      <c r="CN7" s="1151"/>
      <c r="CO7" s="1151"/>
      <c r="CP7" s="1151"/>
      <c r="CQ7" s="1151"/>
      <c r="CR7" s="1151"/>
      <c r="CS7" s="1151"/>
      <c r="CT7" s="1152"/>
    </row>
    <row r="8" spans="1:105" s="2" customFormat="1" ht="21.75" customHeight="1" x14ac:dyDescent="0.15">
      <c r="A8" s="3"/>
      <c r="B8" s="1065" t="s">
        <v>77</v>
      </c>
      <c r="C8" s="1066"/>
      <c r="D8" s="1066"/>
      <c r="E8" s="1066"/>
      <c r="F8" s="1066"/>
      <c r="G8" s="1066"/>
      <c r="H8" s="1066"/>
      <c r="I8" s="1066"/>
      <c r="J8" s="1066"/>
      <c r="K8" s="1066"/>
      <c r="L8" s="1066"/>
      <c r="M8" s="1066"/>
      <c r="N8" s="1066"/>
      <c r="O8" s="1066"/>
      <c r="P8" s="1066"/>
      <c r="Q8" s="1066"/>
      <c r="R8" s="1066"/>
      <c r="S8" s="1066"/>
      <c r="T8" s="1066"/>
      <c r="U8" s="1066"/>
      <c r="V8" s="1066"/>
      <c r="W8" s="1066"/>
      <c r="X8" s="1066"/>
      <c r="Y8" s="1066"/>
      <c r="Z8" s="1066"/>
      <c r="AA8" s="1066"/>
      <c r="AB8" s="1066"/>
      <c r="AC8" s="1066"/>
      <c r="AD8" s="1066"/>
      <c r="AE8" s="1066"/>
      <c r="AF8" s="1066"/>
      <c r="AG8" s="1066"/>
      <c r="AH8" s="1066"/>
      <c r="AI8" s="1066"/>
      <c r="AJ8" s="1066"/>
      <c r="AK8" s="1066"/>
      <c r="AL8" s="1057"/>
      <c r="AM8" s="1144" t="s">
        <v>78</v>
      </c>
      <c r="AN8" s="1066"/>
      <c r="AO8" s="1066"/>
      <c r="AP8" s="1066"/>
      <c r="AQ8" s="1066"/>
      <c r="AR8" s="1066"/>
      <c r="AS8" s="1066"/>
      <c r="AT8" s="1066"/>
      <c r="AU8" s="1066"/>
      <c r="AV8" s="1066"/>
      <c r="AW8" s="1066"/>
      <c r="AX8" s="1066"/>
      <c r="AY8" s="1066"/>
      <c r="AZ8" s="1066"/>
      <c r="BA8" s="1066"/>
      <c r="BB8" s="1066"/>
      <c r="BC8" s="1066"/>
      <c r="BD8" s="1066"/>
      <c r="BE8" s="1066"/>
      <c r="BF8" s="1066"/>
      <c r="BG8" s="1066"/>
      <c r="BH8" s="1066"/>
      <c r="BI8" s="1066"/>
      <c r="BJ8" s="1066"/>
      <c r="BK8" s="1066"/>
      <c r="BL8" s="1066"/>
      <c r="BM8" s="1066"/>
      <c r="BN8" s="1066"/>
      <c r="BO8" s="1066"/>
      <c r="BP8" s="1145"/>
      <c r="BQ8" s="1144" t="s">
        <v>128</v>
      </c>
      <c r="BR8" s="1066"/>
      <c r="BS8" s="1066"/>
      <c r="BT8" s="1066"/>
      <c r="BU8" s="1066"/>
      <c r="BV8" s="1066"/>
      <c r="BW8" s="1066"/>
      <c r="BX8" s="1066"/>
      <c r="BY8" s="1066"/>
      <c r="BZ8" s="1066"/>
      <c r="CA8" s="1066"/>
      <c r="CB8" s="1066"/>
      <c r="CC8" s="1066"/>
      <c r="CD8" s="1066"/>
      <c r="CE8" s="1066"/>
      <c r="CF8" s="1066"/>
      <c r="CG8" s="1066"/>
      <c r="CH8" s="1066"/>
      <c r="CI8" s="1066"/>
      <c r="CJ8" s="1066"/>
      <c r="CK8" s="1066"/>
      <c r="CL8" s="1066"/>
      <c r="CM8" s="1066"/>
      <c r="CN8" s="1066"/>
      <c r="CO8" s="1066"/>
      <c r="CP8" s="1066"/>
      <c r="CQ8" s="1066"/>
      <c r="CR8" s="1066"/>
      <c r="CS8" s="1066"/>
      <c r="CT8" s="1147"/>
    </row>
    <row r="9" spans="1:105" s="2" customFormat="1" ht="27.75" customHeight="1" x14ac:dyDescent="0.15">
      <c r="A9" s="3"/>
      <c r="B9" s="1087" t="s">
        <v>11</v>
      </c>
      <c r="C9" s="1088"/>
      <c r="D9" s="1088"/>
      <c r="E9" s="1088"/>
      <c r="F9" s="1088"/>
      <c r="G9" s="1088"/>
      <c r="H9" s="1134" t="s">
        <v>74</v>
      </c>
      <c r="I9" s="1135"/>
      <c r="J9" s="1135"/>
      <c r="K9" s="1135"/>
      <c r="L9" s="1135"/>
      <c r="M9" s="1135"/>
      <c r="N9" s="1135"/>
      <c r="O9" s="1136"/>
      <c r="P9" s="1134" t="s">
        <v>75</v>
      </c>
      <c r="Q9" s="1135"/>
      <c r="R9" s="1135"/>
      <c r="S9" s="1135"/>
      <c r="T9" s="1135"/>
      <c r="U9" s="1135"/>
      <c r="V9" s="1135"/>
      <c r="W9" s="1136"/>
      <c r="X9" s="1134" t="s">
        <v>102</v>
      </c>
      <c r="Y9" s="1135"/>
      <c r="Z9" s="1135"/>
      <c r="AA9" s="1135"/>
      <c r="AB9" s="1135"/>
      <c r="AC9" s="1135"/>
      <c r="AD9" s="1135"/>
      <c r="AE9" s="1136"/>
      <c r="AF9" s="1134" t="s">
        <v>98</v>
      </c>
      <c r="AG9" s="1135"/>
      <c r="AH9" s="1135"/>
      <c r="AI9" s="1135"/>
      <c r="AJ9" s="1135"/>
      <c r="AK9" s="1135"/>
      <c r="AL9" s="1135"/>
      <c r="AM9" s="1138" t="s">
        <v>11</v>
      </c>
      <c r="AN9" s="1088"/>
      <c r="AO9" s="1088"/>
      <c r="AP9" s="1088"/>
      <c r="AQ9" s="1088"/>
      <c r="AR9" s="1088"/>
      <c r="AS9" s="1088"/>
      <c r="AT9" s="1088"/>
      <c r="AU9" s="1088"/>
      <c r="AV9" s="1088"/>
      <c r="AW9" s="1088"/>
      <c r="AX9" s="1088" t="s">
        <v>127</v>
      </c>
      <c r="AY9" s="1088"/>
      <c r="AZ9" s="1088"/>
      <c r="BA9" s="1088"/>
      <c r="BB9" s="1088"/>
      <c r="BC9" s="1088"/>
      <c r="BD9" s="1088"/>
      <c r="BE9" s="1088"/>
      <c r="BF9" s="1088"/>
      <c r="BG9" s="1088"/>
      <c r="BH9" s="1088"/>
      <c r="BI9" s="1088"/>
      <c r="BJ9" s="1088"/>
      <c r="BK9" s="1088"/>
      <c r="BL9" s="1088"/>
      <c r="BM9" s="1088"/>
      <c r="BN9" s="1088"/>
      <c r="BO9" s="1088"/>
      <c r="BP9" s="1139"/>
      <c r="BQ9" s="1138" t="s">
        <v>11</v>
      </c>
      <c r="BR9" s="1088"/>
      <c r="BS9" s="1088"/>
      <c r="BT9" s="1088"/>
      <c r="BU9" s="1088"/>
      <c r="BV9" s="1088"/>
      <c r="BW9" s="1088"/>
      <c r="BX9" s="1088"/>
      <c r="BY9" s="1088"/>
      <c r="BZ9" s="1088"/>
      <c r="CA9" s="1088"/>
      <c r="CB9" s="1088" t="s">
        <v>127</v>
      </c>
      <c r="CC9" s="1088"/>
      <c r="CD9" s="1088"/>
      <c r="CE9" s="1088"/>
      <c r="CF9" s="1088"/>
      <c r="CG9" s="1088"/>
      <c r="CH9" s="1088"/>
      <c r="CI9" s="1088"/>
      <c r="CJ9" s="1088"/>
      <c r="CK9" s="1088"/>
      <c r="CL9" s="1088"/>
      <c r="CM9" s="1088"/>
      <c r="CN9" s="1088"/>
      <c r="CO9" s="1088"/>
      <c r="CP9" s="1088"/>
      <c r="CQ9" s="1088"/>
      <c r="CR9" s="1088"/>
      <c r="CS9" s="1088"/>
      <c r="CT9" s="1153"/>
    </row>
    <row r="10" spans="1:105" s="2" customFormat="1" ht="44.25" customHeight="1" x14ac:dyDescent="0.15">
      <c r="A10" s="3"/>
      <c r="B10" s="463"/>
      <c r="C10" s="464"/>
      <c r="D10" s="464"/>
      <c r="E10" s="464"/>
      <c r="F10" s="464"/>
      <c r="G10" s="465"/>
      <c r="H10" s="459"/>
      <c r="I10" s="459"/>
      <c r="J10" s="459"/>
      <c r="K10" s="459"/>
      <c r="L10" s="459"/>
      <c r="M10" s="459"/>
      <c r="N10" s="459"/>
      <c r="O10" s="459"/>
      <c r="P10" s="459"/>
      <c r="Q10" s="459"/>
      <c r="R10" s="459"/>
      <c r="S10" s="459"/>
      <c r="T10" s="459"/>
      <c r="U10" s="459"/>
      <c r="V10" s="459"/>
      <c r="W10" s="459"/>
      <c r="X10" s="464"/>
      <c r="Y10" s="464"/>
      <c r="Z10" s="464"/>
      <c r="AA10" s="464"/>
      <c r="AB10" s="464"/>
      <c r="AC10" s="464"/>
      <c r="AD10" s="464"/>
      <c r="AE10" s="465"/>
      <c r="AF10" s="1055" t="s">
        <v>124</v>
      </c>
      <c r="AG10" s="1056"/>
      <c r="AH10" s="1056"/>
      <c r="AI10" s="1056"/>
      <c r="AJ10" s="1056"/>
      <c r="AK10" s="1056"/>
      <c r="AL10" s="1056"/>
      <c r="AM10" s="458"/>
      <c r="AN10" s="459"/>
      <c r="AO10" s="459"/>
      <c r="AP10" s="459"/>
      <c r="AQ10" s="459"/>
      <c r="AR10" s="459"/>
      <c r="AS10" s="459"/>
      <c r="AT10" s="459"/>
      <c r="AU10" s="459"/>
      <c r="AV10" s="459"/>
      <c r="AW10" s="459"/>
      <c r="AX10" s="459"/>
      <c r="AY10" s="459"/>
      <c r="AZ10" s="459"/>
      <c r="BA10" s="459"/>
      <c r="BB10" s="459"/>
      <c r="BC10" s="459"/>
      <c r="BD10" s="459"/>
      <c r="BE10" s="459"/>
      <c r="BF10" s="459"/>
      <c r="BG10" s="459"/>
      <c r="BH10" s="459"/>
      <c r="BI10" s="459"/>
      <c r="BJ10" s="459"/>
      <c r="BK10" s="459"/>
      <c r="BL10" s="459"/>
      <c r="BM10" s="459"/>
      <c r="BN10" s="459"/>
      <c r="BO10" s="459"/>
      <c r="BP10" s="460"/>
      <c r="BQ10" s="458"/>
      <c r="BR10" s="459"/>
      <c r="BS10" s="459"/>
      <c r="BT10" s="459"/>
      <c r="BU10" s="459"/>
      <c r="BV10" s="459"/>
      <c r="BW10" s="459"/>
      <c r="BX10" s="459"/>
      <c r="BY10" s="459"/>
      <c r="BZ10" s="459"/>
      <c r="CA10" s="459"/>
      <c r="CB10" s="459"/>
      <c r="CC10" s="459"/>
      <c r="CD10" s="459"/>
      <c r="CE10" s="459"/>
      <c r="CF10" s="459"/>
      <c r="CG10" s="459"/>
      <c r="CH10" s="459"/>
      <c r="CI10" s="459"/>
      <c r="CJ10" s="459"/>
      <c r="CK10" s="459"/>
      <c r="CL10" s="459"/>
      <c r="CM10" s="459"/>
      <c r="CN10" s="459"/>
      <c r="CO10" s="459"/>
      <c r="CP10" s="459"/>
      <c r="CQ10" s="459"/>
      <c r="CR10" s="459"/>
      <c r="CS10" s="459"/>
      <c r="CT10" s="462"/>
    </row>
    <row r="11" spans="1:105" s="2" customFormat="1" ht="34.5" customHeight="1" thickBot="1" x14ac:dyDescent="0.2">
      <c r="A11" s="3"/>
      <c r="B11" s="96" t="s">
        <v>133</v>
      </c>
      <c r="C11" s="1026"/>
      <c r="D11" s="1027"/>
      <c r="E11" s="1027"/>
      <c r="F11" s="1027"/>
      <c r="G11" s="1027"/>
      <c r="H11" s="1027"/>
      <c r="I11" s="1027"/>
      <c r="J11" s="1027"/>
      <c r="K11" s="1027"/>
      <c r="L11" s="1027"/>
      <c r="M11" s="1027"/>
      <c r="N11" s="1027"/>
      <c r="O11" s="1028"/>
      <c r="P11" s="1060" t="s">
        <v>105</v>
      </c>
      <c r="Q11" s="1061"/>
      <c r="R11" s="1061"/>
      <c r="S11" s="1061"/>
      <c r="T11" s="1061"/>
      <c r="U11" s="1062" t="s">
        <v>126</v>
      </c>
      <c r="V11" s="1063"/>
      <c r="W11" s="1063"/>
      <c r="X11" s="1063"/>
      <c r="Y11" s="1063"/>
      <c r="Z11" s="1063"/>
      <c r="AA11" s="1063"/>
      <c r="AB11" s="1063"/>
      <c r="AC11" s="1063"/>
      <c r="AD11" s="1063"/>
      <c r="AE11" s="1063"/>
      <c r="AF11" s="1063"/>
      <c r="AG11" s="1063"/>
      <c r="AH11" s="1063"/>
      <c r="AI11" s="1063"/>
      <c r="AJ11" s="1063"/>
      <c r="AK11" s="1063"/>
      <c r="AL11" s="1064"/>
      <c r="AM11" s="1019" t="s">
        <v>132</v>
      </c>
      <c r="AN11" s="1015"/>
      <c r="AO11" s="1015"/>
      <c r="AP11" s="1015"/>
      <c r="AQ11" s="1026"/>
      <c r="AR11" s="1027"/>
      <c r="AS11" s="1027"/>
      <c r="AT11" s="1027"/>
      <c r="AU11" s="1027"/>
      <c r="AV11" s="1027"/>
      <c r="AW11" s="1028"/>
      <c r="AX11" s="1014" t="s">
        <v>134</v>
      </c>
      <c r="AY11" s="1015"/>
      <c r="AZ11" s="1015"/>
      <c r="BA11" s="1016" t="s">
        <v>139</v>
      </c>
      <c r="BB11" s="1017"/>
      <c r="BC11" s="1017"/>
      <c r="BD11" s="1017"/>
      <c r="BE11" s="1017"/>
      <c r="BF11" s="1017"/>
      <c r="BG11" s="1017"/>
      <c r="BH11" s="1017"/>
      <c r="BI11" s="1017"/>
      <c r="BJ11" s="1017"/>
      <c r="BK11" s="1017"/>
      <c r="BL11" s="1017"/>
      <c r="BM11" s="1017"/>
      <c r="BN11" s="1017"/>
      <c r="BO11" s="1017"/>
      <c r="BP11" s="1137"/>
      <c r="BQ11" s="1019" t="s">
        <v>135</v>
      </c>
      <c r="BR11" s="1015"/>
      <c r="BS11" s="1015"/>
      <c r="BT11" s="1015"/>
      <c r="BU11" s="1020"/>
      <c r="BV11" s="1021"/>
      <c r="BW11" s="1021"/>
      <c r="BX11" s="1021"/>
      <c r="BY11" s="1021"/>
      <c r="BZ11" s="1021"/>
      <c r="CA11" s="1022"/>
      <c r="CB11" s="1014" t="s">
        <v>134</v>
      </c>
      <c r="CC11" s="1015"/>
      <c r="CD11" s="1015"/>
      <c r="CE11" s="1016" t="s">
        <v>139</v>
      </c>
      <c r="CF11" s="1017"/>
      <c r="CG11" s="1017"/>
      <c r="CH11" s="1017"/>
      <c r="CI11" s="1017"/>
      <c r="CJ11" s="1017"/>
      <c r="CK11" s="1017"/>
      <c r="CL11" s="1017"/>
      <c r="CM11" s="1017"/>
      <c r="CN11" s="1017"/>
      <c r="CO11" s="1017"/>
      <c r="CP11" s="1017"/>
      <c r="CQ11" s="1017"/>
      <c r="CR11" s="1017"/>
      <c r="CS11" s="1017"/>
      <c r="CT11" s="1018"/>
    </row>
    <row r="12" spans="1:105" s="2" customFormat="1" ht="27.75" customHeight="1" thickBot="1" x14ac:dyDescent="0.2">
      <c r="A12" s="56"/>
      <c r="B12" s="1086" t="s">
        <v>92</v>
      </c>
      <c r="C12" s="1039"/>
      <c r="D12" s="1039"/>
      <c r="E12" s="1039"/>
      <c r="F12" s="1039"/>
      <c r="G12" s="1039"/>
      <c r="H12" s="1039"/>
      <c r="I12" s="1039"/>
      <c r="J12" s="1039"/>
      <c r="K12" s="1039"/>
      <c r="L12" s="1039"/>
      <c r="M12" s="1039"/>
      <c r="N12" s="1040"/>
      <c r="O12" s="1041"/>
      <c r="P12" s="1041"/>
      <c r="Q12" s="1041"/>
      <c r="R12" s="1041"/>
      <c r="S12" s="1041"/>
      <c r="T12" s="1041"/>
      <c r="U12" s="1041"/>
      <c r="V12" s="1041"/>
      <c r="W12" s="1041"/>
      <c r="X12" s="1041"/>
      <c r="Y12" s="1041"/>
      <c r="Z12" s="1041"/>
      <c r="AA12" s="1041"/>
      <c r="AB12" s="1041"/>
      <c r="AC12" s="1041"/>
      <c r="AD12" s="1041"/>
      <c r="AE12" s="1041"/>
      <c r="AF12" s="1041"/>
      <c r="AG12" s="1041"/>
      <c r="AH12" s="1042"/>
      <c r="AI12" s="1038" t="s">
        <v>93</v>
      </c>
      <c r="AJ12" s="1039"/>
      <c r="AK12" s="1039"/>
      <c r="AL12" s="1039"/>
      <c r="AM12" s="1039"/>
      <c r="AN12" s="1039"/>
      <c r="AO12" s="1039"/>
      <c r="AP12" s="1039"/>
      <c r="AQ12" s="1039"/>
      <c r="AR12" s="1039"/>
      <c r="AS12" s="1039"/>
      <c r="AT12" s="1039"/>
      <c r="AU12" s="1039"/>
      <c r="AV12" s="1039"/>
      <c r="AW12" s="1039"/>
      <c r="AX12" s="1040"/>
      <c r="AY12" s="1041"/>
      <c r="AZ12" s="1041"/>
      <c r="BA12" s="1041"/>
      <c r="BB12" s="1041"/>
      <c r="BC12" s="1041"/>
      <c r="BD12" s="1041"/>
      <c r="BE12" s="1041"/>
      <c r="BF12" s="1041"/>
      <c r="BG12" s="1041"/>
      <c r="BH12" s="1041"/>
      <c r="BI12" s="1041"/>
      <c r="BJ12" s="1041"/>
      <c r="BK12" s="1041"/>
      <c r="BL12" s="1041"/>
      <c r="BM12" s="1041"/>
      <c r="BN12" s="1041"/>
      <c r="BO12" s="1041"/>
      <c r="BP12" s="1042"/>
      <c r="BQ12" s="1122" t="s">
        <v>96</v>
      </c>
      <c r="BR12" s="1122"/>
      <c r="BS12" s="1122"/>
      <c r="BT12" s="1122"/>
      <c r="BU12" s="1122"/>
      <c r="BV12" s="1122"/>
      <c r="BW12" s="1122"/>
      <c r="BX12" s="1143"/>
      <c r="BY12" s="1143"/>
      <c r="BZ12" s="1143"/>
      <c r="CA12" s="1143"/>
      <c r="CB12" s="1143"/>
      <c r="CC12" s="1143"/>
      <c r="CD12" s="1143"/>
      <c r="CE12" s="1143"/>
      <c r="CF12" s="1023"/>
      <c r="CG12" s="1023"/>
      <c r="CH12" s="1023"/>
      <c r="CI12" s="1024"/>
      <c r="CJ12" s="1024"/>
      <c r="CK12" s="1024"/>
      <c r="CL12" s="1024"/>
      <c r="CM12" s="1024"/>
      <c r="CN12" s="1024"/>
      <c r="CO12" s="1024"/>
      <c r="CP12" s="1024"/>
      <c r="CQ12" s="1024"/>
      <c r="CR12" s="1024"/>
      <c r="CS12" s="1024"/>
      <c r="CT12" s="1025"/>
    </row>
    <row r="13" spans="1:105" s="2" customFormat="1" ht="18" customHeight="1" x14ac:dyDescent="0.15">
      <c r="A13" s="3"/>
      <c r="B13" s="1075" t="s">
        <v>100</v>
      </c>
      <c r="C13" s="1059"/>
      <c r="D13" s="1095" t="s">
        <v>131</v>
      </c>
      <c r="E13" s="1096"/>
      <c r="F13" s="1096"/>
      <c r="G13" s="1097"/>
      <c r="H13" s="535" t="s">
        <v>99</v>
      </c>
      <c r="I13" s="1076"/>
      <c r="J13" s="1076"/>
      <c r="K13" s="1076"/>
      <c r="L13" s="1077"/>
      <c r="M13" s="398" t="s">
        <v>17</v>
      </c>
      <c r="N13" s="399"/>
      <c r="O13" s="399"/>
      <c r="P13" s="399"/>
      <c r="Q13" s="399"/>
      <c r="R13" s="399"/>
      <c r="S13" s="399"/>
      <c r="T13" s="399"/>
      <c r="U13" s="399"/>
      <c r="V13" s="399"/>
      <c r="W13" s="1057" t="s">
        <v>19</v>
      </c>
      <c r="X13" s="1058"/>
      <c r="Y13" s="1058"/>
      <c r="Z13" s="1058"/>
      <c r="AA13" s="1058"/>
      <c r="AB13" s="1058"/>
      <c r="AC13" s="1058"/>
      <c r="AD13" s="1059"/>
      <c r="AE13" s="1072" t="s">
        <v>83</v>
      </c>
      <c r="AF13" s="1072"/>
      <c r="AG13" s="1072"/>
      <c r="AH13" s="1072"/>
      <c r="AI13" s="1072"/>
      <c r="AJ13" s="1072"/>
      <c r="AK13" s="1072"/>
      <c r="AL13" s="1072"/>
      <c r="AM13" s="1072"/>
      <c r="AN13" s="1072"/>
      <c r="AO13" s="1072"/>
      <c r="AP13" s="1072"/>
      <c r="AQ13" s="1057" t="s">
        <v>20</v>
      </c>
      <c r="AR13" s="1058"/>
      <c r="AS13" s="1058"/>
      <c r="AT13" s="1058"/>
      <c r="AU13" s="1058"/>
      <c r="AV13" s="1059"/>
      <c r="AW13" s="344" t="s">
        <v>84</v>
      </c>
      <c r="AX13" s="345"/>
      <c r="AY13" s="345"/>
      <c r="AZ13" s="345"/>
      <c r="BA13" s="345"/>
      <c r="BB13" s="345"/>
      <c r="BC13" s="346"/>
      <c r="BD13" s="1066" t="s">
        <v>18</v>
      </c>
      <c r="BE13" s="1066"/>
      <c r="BF13" s="1066"/>
      <c r="BG13" s="1066"/>
      <c r="BH13" s="1066"/>
      <c r="BI13" s="1066"/>
      <c r="BJ13" s="1066"/>
      <c r="BK13" s="1066"/>
      <c r="BL13" s="1066"/>
      <c r="BM13" s="1066"/>
      <c r="BN13" s="1066"/>
      <c r="BO13" s="1066"/>
      <c r="BP13" s="1066"/>
      <c r="BQ13" s="1057"/>
      <c r="BR13" s="1057" t="s">
        <v>122</v>
      </c>
      <c r="BS13" s="1058"/>
      <c r="BT13" s="1058"/>
      <c r="BU13" s="1058"/>
      <c r="BV13" s="1058"/>
      <c r="BW13" s="1058"/>
      <c r="BX13" s="1058"/>
      <c r="BY13" s="1059"/>
      <c r="BZ13" s="1002"/>
      <c r="CA13" s="1003"/>
      <c r="CB13" s="1003"/>
      <c r="CC13" s="1003"/>
      <c r="CD13" s="1003"/>
      <c r="CE13" s="1003"/>
      <c r="CF13" s="1003"/>
      <c r="CG13" s="1003"/>
      <c r="CH13" s="1003"/>
      <c r="CI13" s="1003"/>
      <c r="CJ13" s="1003"/>
      <c r="CK13" s="1003"/>
      <c r="CL13" s="1003"/>
      <c r="CM13" s="1003"/>
      <c r="CN13" s="1003"/>
      <c r="CO13" s="1004"/>
      <c r="CP13" s="535" t="s">
        <v>137</v>
      </c>
      <c r="CQ13" s="1005"/>
      <c r="CR13" s="1005"/>
      <c r="CS13" s="1005"/>
      <c r="CT13" s="1006"/>
    </row>
    <row r="14" spans="1:105" s="2" customFormat="1" ht="15" customHeight="1" x14ac:dyDescent="0.15">
      <c r="A14" s="3"/>
      <c r="B14" s="1089" t="s">
        <v>129</v>
      </c>
      <c r="C14" s="1090"/>
      <c r="D14" s="1098"/>
      <c r="E14" s="1099"/>
      <c r="F14" s="1099"/>
      <c r="G14" s="1100"/>
      <c r="H14" s="538"/>
      <c r="I14" s="1078"/>
      <c r="J14" s="1078"/>
      <c r="K14" s="1078"/>
      <c r="L14" s="1079"/>
      <c r="M14" s="401"/>
      <c r="N14" s="402"/>
      <c r="O14" s="402"/>
      <c r="P14" s="402"/>
      <c r="Q14" s="402"/>
      <c r="R14" s="402"/>
      <c r="S14" s="402"/>
      <c r="T14" s="402"/>
      <c r="U14" s="402"/>
      <c r="V14" s="402"/>
      <c r="W14" s="993"/>
      <c r="X14" s="994"/>
      <c r="Y14" s="999"/>
      <c r="Z14" s="999"/>
      <c r="AA14" s="999"/>
      <c r="AB14" s="999"/>
      <c r="AC14" s="994"/>
      <c r="AD14" s="994"/>
      <c r="AE14" s="1073"/>
      <c r="AF14" s="1073"/>
      <c r="AG14" s="1073"/>
      <c r="AH14" s="1073"/>
      <c r="AI14" s="1073"/>
      <c r="AJ14" s="1073"/>
      <c r="AK14" s="1073"/>
      <c r="AL14" s="1073"/>
      <c r="AM14" s="1073"/>
      <c r="AN14" s="1073"/>
      <c r="AO14" s="1073"/>
      <c r="AP14" s="1073"/>
      <c r="AQ14" s="993"/>
      <c r="AR14" s="994"/>
      <c r="AS14" s="1032"/>
      <c r="AT14" s="1033"/>
      <c r="AU14" s="994"/>
      <c r="AV14" s="1043"/>
      <c r="AW14" s="1107" t="s">
        <v>130</v>
      </c>
      <c r="AX14" s="1108"/>
      <c r="AY14" s="1108"/>
      <c r="AZ14" s="1108"/>
      <c r="BA14" s="1108"/>
      <c r="BB14" s="1108"/>
      <c r="BC14" s="1109"/>
      <c r="BD14" s="1029"/>
      <c r="BE14" s="999"/>
      <c r="BF14" s="999"/>
      <c r="BG14" s="999"/>
      <c r="BH14" s="999"/>
      <c r="BI14" s="999"/>
      <c r="BJ14" s="999"/>
      <c r="BK14" s="999"/>
      <c r="BL14" s="999"/>
      <c r="BM14" s="999"/>
      <c r="BN14" s="999"/>
      <c r="BO14" s="999"/>
      <c r="BP14" s="999"/>
      <c r="BQ14" s="1140"/>
      <c r="BR14" s="981" t="s">
        <v>21</v>
      </c>
      <c r="BS14" s="982"/>
      <c r="BT14" s="982"/>
      <c r="BU14" s="982"/>
      <c r="BV14" s="982"/>
      <c r="BW14" s="982"/>
      <c r="BX14" s="982"/>
      <c r="BY14" s="983"/>
      <c r="BZ14" s="526"/>
      <c r="CA14" s="527"/>
      <c r="CB14" s="527"/>
      <c r="CC14" s="527"/>
      <c r="CD14" s="527"/>
      <c r="CE14" s="527"/>
      <c r="CF14" s="527"/>
      <c r="CG14" s="527"/>
      <c r="CH14" s="527"/>
      <c r="CI14" s="527"/>
      <c r="CJ14" s="527"/>
      <c r="CK14" s="527"/>
      <c r="CL14" s="527"/>
      <c r="CM14" s="527"/>
      <c r="CN14" s="527"/>
      <c r="CO14" s="1010"/>
      <c r="CP14" s="1007"/>
      <c r="CQ14" s="1008"/>
      <c r="CR14" s="1008"/>
      <c r="CS14" s="1008"/>
      <c r="CT14" s="1009"/>
    </row>
    <row r="15" spans="1:105" s="2" customFormat="1" ht="15" customHeight="1" x14ac:dyDescent="0.15">
      <c r="A15" s="3"/>
      <c r="B15" s="1091"/>
      <c r="C15" s="1092"/>
      <c r="D15" s="1101" t="s">
        <v>101</v>
      </c>
      <c r="E15" s="1102"/>
      <c r="F15" s="1102"/>
      <c r="G15" s="1103"/>
      <c r="H15" s="538"/>
      <c r="I15" s="1078"/>
      <c r="J15" s="1078"/>
      <c r="K15" s="1078"/>
      <c r="L15" s="1079"/>
      <c r="M15" s="401"/>
      <c r="N15" s="402"/>
      <c r="O15" s="402"/>
      <c r="P15" s="402"/>
      <c r="Q15" s="402"/>
      <c r="R15" s="402"/>
      <c r="S15" s="402"/>
      <c r="T15" s="402"/>
      <c r="U15" s="402"/>
      <c r="V15" s="402"/>
      <c r="W15" s="995"/>
      <c r="X15" s="996"/>
      <c r="Y15" s="1000"/>
      <c r="Z15" s="1000"/>
      <c r="AA15" s="1000"/>
      <c r="AB15" s="1000"/>
      <c r="AC15" s="996"/>
      <c r="AD15" s="996"/>
      <c r="AE15" s="1073"/>
      <c r="AF15" s="1073"/>
      <c r="AG15" s="1073"/>
      <c r="AH15" s="1073"/>
      <c r="AI15" s="1073"/>
      <c r="AJ15" s="1073"/>
      <c r="AK15" s="1073"/>
      <c r="AL15" s="1073"/>
      <c r="AM15" s="1073"/>
      <c r="AN15" s="1073"/>
      <c r="AO15" s="1073"/>
      <c r="AP15" s="1073"/>
      <c r="AQ15" s="995"/>
      <c r="AR15" s="996"/>
      <c r="AS15" s="1034"/>
      <c r="AT15" s="1035"/>
      <c r="AU15" s="996"/>
      <c r="AV15" s="1044"/>
      <c r="AW15" s="1110"/>
      <c r="AX15" s="1111"/>
      <c r="AY15" s="1111"/>
      <c r="AZ15" s="1111"/>
      <c r="BA15" s="1111"/>
      <c r="BB15" s="1111"/>
      <c r="BC15" s="1112"/>
      <c r="BD15" s="1030"/>
      <c r="BE15" s="1000"/>
      <c r="BF15" s="1000"/>
      <c r="BG15" s="1000"/>
      <c r="BH15" s="1000"/>
      <c r="BI15" s="1000"/>
      <c r="BJ15" s="1000"/>
      <c r="BK15" s="1000"/>
      <c r="BL15" s="1000"/>
      <c r="BM15" s="1000"/>
      <c r="BN15" s="1000"/>
      <c r="BO15" s="1000"/>
      <c r="BP15" s="1000"/>
      <c r="BQ15" s="1141"/>
      <c r="BR15" s="984"/>
      <c r="BS15" s="985"/>
      <c r="BT15" s="985"/>
      <c r="BU15" s="985"/>
      <c r="BV15" s="985"/>
      <c r="BW15" s="985"/>
      <c r="BX15" s="985"/>
      <c r="BY15" s="986"/>
      <c r="BZ15" s="526"/>
      <c r="CA15" s="527"/>
      <c r="CB15" s="527"/>
      <c r="CC15" s="527"/>
      <c r="CD15" s="527"/>
      <c r="CE15" s="527"/>
      <c r="CF15" s="527"/>
      <c r="CG15" s="527"/>
      <c r="CH15" s="527"/>
      <c r="CI15" s="527"/>
      <c r="CJ15" s="527"/>
      <c r="CK15" s="527"/>
      <c r="CL15" s="527"/>
      <c r="CM15" s="527"/>
      <c r="CN15" s="527"/>
      <c r="CO15" s="1010"/>
      <c r="CP15" s="996"/>
      <c r="CQ15" s="996"/>
      <c r="CR15" s="996"/>
      <c r="CS15" s="996"/>
      <c r="CT15" s="1012"/>
    </row>
    <row r="16" spans="1:105" s="2" customFormat="1" ht="15" customHeight="1" thickBot="1" x14ac:dyDescent="0.2">
      <c r="A16" s="3"/>
      <c r="B16" s="1093"/>
      <c r="C16" s="1094"/>
      <c r="D16" s="1104"/>
      <c r="E16" s="1105"/>
      <c r="F16" s="1105"/>
      <c r="G16" s="1106"/>
      <c r="H16" s="1080"/>
      <c r="I16" s="1081"/>
      <c r="J16" s="1081"/>
      <c r="K16" s="1081"/>
      <c r="L16" s="1082"/>
      <c r="M16" s="404"/>
      <c r="N16" s="405"/>
      <c r="O16" s="405"/>
      <c r="P16" s="405"/>
      <c r="Q16" s="405"/>
      <c r="R16" s="405"/>
      <c r="S16" s="405"/>
      <c r="T16" s="405"/>
      <c r="U16" s="405"/>
      <c r="V16" s="405"/>
      <c r="W16" s="997"/>
      <c r="X16" s="998"/>
      <c r="Y16" s="1001"/>
      <c r="Z16" s="1001"/>
      <c r="AA16" s="1001"/>
      <c r="AB16" s="1001"/>
      <c r="AC16" s="998"/>
      <c r="AD16" s="998"/>
      <c r="AE16" s="1074"/>
      <c r="AF16" s="1074"/>
      <c r="AG16" s="1074"/>
      <c r="AH16" s="1074"/>
      <c r="AI16" s="1074"/>
      <c r="AJ16" s="1074"/>
      <c r="AK16" s="1074"/>
      <c r="AL16" s="1074"/>
      <c r="AM16" s="1074"/>
      <c r="AN16" s="1074"/>
      <c r="AO16" s="1074"/>
      <c r="AP16" s="1074"/>
      <c r="AQ16" s="997"/>
      <c r="AR16" s="998"/>
      <c r="AS16" s="1036"/>
      <c r="AT16" s="1037"/>
      <c r="AU16" s="998"/>
      <c r="AV16" s="1045"/>
      <c r="AW16" s="1113"/>
      <c r="AX16" s="1114"/>
      <c r="AY16" s="1114"/>
      <c r="AZ16" s="1114"/>
      <c r="BA16" s="1114"/>
      <c r="BB16" s="1114"/>
      <c r="BC16" s="1115"/>
      <c r="BD16" s="1031"/>
      <c r="BE16" s="1001"/>
      <c r="BF16" s="1001"/>
      <c r="BG16" s="1001"/>
      <c r="BH16" s="1001"/>
      <c r="BI16" s="1001"/>
      <c r="BJ16" s="1001"/>
      <c r="BK16" s="1001"/>
      <c r="BL16" s="1001"/>
      <c r="BM16" s="1001"/>
      <c r="BN16" s="1001"/>
      <c r="BO16" s="1001"/>
      <c r="BP16" s="1001"/>
      <c r="BQ16" s="1142"/>
      <c r="BR16" s="987"/>
      <c r="BS16" s="988"/>
      <c r="BT16" s="988"/>
      <c r="BU16" s="988"/>
      <c r="BV16" s="988"/>
      <c r="BW16" s="988"/>
      <c r="BX16" s="988"/>
      <c r="BY16" s="989"/>
      <c r="BZ16" s="528"/>
      <c r="CA16" s="529"/>
      <c r="CB16" s="529"/>
      <c r="CC16" s="529"/>
      <c r="CD16" s="529"/>
      <c r="CE16" s="529"/>
      <c r="CF16" s="529"/>
      <c r="CG16" s="529"/>
      <c r="CH16" s="529"/>
      <c r="CI16" s="529"/>
      <c r="CJ16" s="529"/>
      <c r="CK16" s="529"/>
      <c r="CL16" s="529"/>
      <c r="CM16" s="529"/>
      <c r="CN16" s="529"/>
      <c r="CO16" s="1011"/>
      <c r="CP16" s="998"/>
      <c r="CQ16" s="998"/>
      <c r="CR16" s="998"/>
      <c r="CS16" s="998"/>
      <c r="CT16" s="1013"/>
    </row>
    <row r="17" spans="1:105" s="2" customFormat="1" ht="60" customHeight="1" thickBot="1" x14ac:dyDescent="0.2">
      <c r="A17" s="3"/>
      <c r="B17" s="95" t="s">
        <v>109</v>
      </c>
      <c r="C17" s="990"/>
      <c r="D17" s="991"/>
      <c r="E17" s="991"/>
      <c r="F17" s="991"/>
      <c r="G17" s="991"/>
      <c r="H17" s="991"/>
      <c r="I17" s="991"/>
      <c r="J17" s="991"/>
      <c r="K17" s="991"/>
      <c r="L17" s="991"/>
      <c r="M17" s="991"/>
      <c r="N17" s="991"/>
      <c r="O17" s="991"/>
      <c r="P17" s="991"/>
      <c r="Q17" s="991"/>
      <c r="R17" s="991"/>
      <c r="S17" s="991"/>
      <c r="T17" s="991"/>
      <c r="U17" s="991"/>
      <c r="V17" s="991"/>
      <c r="W17" s="991"/>
      <c r="X17" s="991"/>
      <c r="Y17" s="991"/>
      <c r="Z17" s="991"/>
      <c r="AA17" s="991"/>
      <c r="AB17" s="991"/>
      <c r="AC17" s="991"/>
      <c r="AD17" s="991"/>
      <c r="AE17" s="991"/>
      <c r="AF17" s="991"/>
      <c r="AG17" s="991"/>
      <c r="AH17" s="991"/>
      <c r="AI17" s="991"/>
      <c r="AJ17" s="991"/>
      <c r="AK17" s="991"/>
      <c r="AL17" s="991"/>
      <c r="AM17" s="991"/>
      <c r="AN17" s="991"/>
      <c r="AO17" s="991"/>
      <c r="AP17" s="991"/>
      <c r="AQ17" s="991"/>
      <c r="AR17" s="991"/>
      <c r="AS17" s="991"/>
      <c r="AT17" s="991"/>
      <c r="AU17" s="991"/>
      <c r="AV17" s="991"/>
      <c r="AW17" s="991"/>
      <c r="AX17" s="991"/>
      <c r="AY17" s="991"/>
      <c r="AZ17" s="991"/>
      <c r="BA17" s="991"/>
      <c r="BB17" s="991"/>
      <c r="BC17" s="991"/>
      <c r="BD17" s="991"/>
      <c r="BE17" s="991"/>
      <c r="BF17" s="991"/>
      <c r="BG17" s="991"/>
      <c r="BH17" s="991"/>
      <c r="BI17" s="991"/>
      <c r="BJ17" s="991"/>
      <c r="BK17" s="991"/>
      <c r="BL17" s="991"/>
      <c r="BM17" s="991"/>
      <c r="BN17" s="991"/>
      <c r="BO17" s="991"/>
      <c r="BP17" s="991"/>
      <c r="BQ17" s="991"/>
      <c r="BR17" s="991"/>
      <c r="BS17" s="991"/>
      <c r="BT17" s="991"/>
      <c r="BU17" s="991"/>
      <c r="BV17" s="991"/>
      <c r="BW17" s="991"/>
      <c r="BX17" s="991"/>
      <c r="BY17" s="991"/>
      <c r="BZ17" s="991"/>
      <c r="CA17" s="991"/>
      <c r="CB17" s="991"/>
      <c r="CC17" s="991"/>
      <c r="CD17" s="991"/>
      <c r="CE17" s="991"/>
      <c r="CF17" s="991"/>
      <c r="CG17" s="991"/>
      <c r="CH17" s="991"/>
      <c r="CI17" s="991"/>
      <c r="CJ17" s="991"/>
      <c r="CK17" s="991"/>
      <c r="CL17" s="991"/>
      <c r="CM17" s="991"/>
      <c r="CN17" s="991"/>
      <c r="CO17" s="991"/>
      <c r="CP17" s="991"/>
      <c r="CQ17" s="991"/>
      <c r="CR17" s="991"/>
      <c r="CS17" s="991"/>
      <c r="CT17" s="992"/>
    </row>
    <row r="18" spans="1:105" s="64" customFormat="1" ht="15" customHeight="1" thickTop="1" thickBot="1" x14ac:dyDescent="0.2">
      <c r="A18" s="72"/>
      <c r="B18" s="1146"/>
      <c r="C18" s="1146"/>
      <c r="D18" s="1146"/>
      <c r="E18" s="1146"/>
      <c r="F18" s="1146"/>
      <c r="G18" s="1146"/>
      <c r="H18" s="1146"/>
      <c r="I18" s="1146"/>
      <c r="J18" s="1146"/>
      <c r="K18" s="1146"/>
      <c r="L18" s="1146"/>
      <c r="M18" s="1146"/>
      <c r="N18" s="1146"/>
      <c r="O18" s="1146"/>
      <c r="P18" s="1146"/>
      <c r="Q18" s="1146"/>
      <c r="R18" s="1146"/>
      <c r="S18" s="1146"/>
      <c r="T18" s="1146"/>
      <c r="U18" s="1146"/>
      <c r="V18" s="1146"/>
      <c r="W18" s="1146"/>
      <c r="X18" s="1146"/>
      <c r="Y18" s="1146"/>
      <c r="Z18" s="1146"/>
      <c r="AA18" s="1146"/>
      <c r="AB18" s="1146"/>
      <c r="AC18" s="1146"/>
      <c r="AD18" s="1146"/>
      <c r="AE18" s="1146"/>
      <c r="AF18" s="1146"/>
      <c r="AG18" s="1146"/>
      <c r="AH18" s="1146"/>
      <c r="AI18" s="1146"/>
      <c r="AJ18" s="1146"/>
      <c r="AK18" s="1146"/>
      <c r="AL18" s="1146"/>
      <c r="AM18" s="1146"/>
      <c r="AN18" s="1146"/>
      <c r="AO18" s="1146"/>
      <c r="AP18" s="1146"/>
      <c r="AQ18" s="1146"/>
      <c r="AR18" s="1146"/>
      <c r="AS18" s="1146"/>
      <c r="AT18" s="1146"/>
      <c r="AU18" s="1146"/>
      <c r="AV18" s="1146"/>
      <c r="AW18" s="1146"/>
      <c r="AX18" s="1146"/>
      <c r="AY18" s="1146"/>
      <c r="AZ18" s="1146"/>
      <c r="BA18" s="1146"/>
      <c r="BB18" s="1146"/>
      <c r="BC18" s="1146"/>
      <c r="BD18" s="1146"/>
      <c r="BE18" s="1146"/>
      <c r="BF18" s="1146"/>
      <c r="BG18" s="1146"/>
      <c r="BH18" s="1146"/>
      <c r="BI18" s="1146"/>
      <c r="BJ18" s="1146"/>
      <c r="BK18" s="1146"/>
      <c r="BL18" s="1146"/>
      <c r="BM18" s="1146"/>
      <c r="BN18" s="1146"/>
      <c r="BO18" s="1146"/>
      <c r="BP18" s="1146"/>
      <c r="BQ18" s="1146"/>
      <c r="BR18" s="1146"/>
      <c r="BS18" s="1146"/>
      <c r="BT18" s="1146"/>
      <c r="BU18" s="1146"/>
      <c r="BV18" s="1146"/>
      <c r="BW18" s="1146"/>
      <c r="BX18" s="1146"/>
      <c r="BY18" s="1146"/>
      <c r="BZ18" s="1146"/>
      <c r="CA18" s="1146"/>
      <c r="CB18" s="1146"/>
      <c r="CC18" s="1146"/>
      <c r="CD18" s="1146"/>
      <c r="CE18" s="1146"/>
      <c r="CF18" s="1146"/>
      <c r="CG18" s="1146"/>
      <c r="CH18" s="1146"/>
      <c r="CI18" s="1146"/>
      <c r="CJ18" s="1146"/>
      <c r="CK18" s="1146"/>
      <c r="CL18" s="1146"/>
      <c r="CM18" s="1146"/>
      <c r="CN18" s="1146"/>
      <c r="CO18" s="1146"/>
      <c r="CP18" s="1146"/>
      <c r="CQ18" s="1146"/>
      <c r="CR18" s="1146"/>
      <c r="CS18" s="1146"/>
      <c r="CT18" s="1146"/>
    </row>
    <row r="19" spans="1:105" s="2" customFormat="1" ht="17.25" customHeight="1" thickTop="1" x14ac:dyDescent="0.15">
      <c r="A19" s="3"/>
      <c r="B19" s="1067" t="s">
        <v>122</v>
      </c>
      <c r="C19" s="1068"/>
      <c r="D19" s="1069"/>
      <c r="E19" s="1070"/>
      <c r="F19" s="1070"/>
      <c r="G19" s="1070"/>
      <c r="H19" s="1070"/>
      <c r="I19" s="1070"/>
      <c r="J19" s="1070"/>
      <c r="K19" s="1070"/>
      <c r="L19" s="1070"/>
      <c r="M19" s="1070"/>
      <c r="N19" s="1070"/>
      <c r="O19" s="1070"/>
      <c r="P19" s="1070"/>
      <c r="Q19" s="1070"/>
      <c r="R19" s="1070"/>
      <c r="S19" s="1070"/>
      <c r="T19" s="1070"/>
      <c r="U19" s="1070"/>
      <c r="V19" s="1070"/>
      <c r="W19" s="1070"/>
      <c r="X19" s="1070"/>
      <c r="Y19" s="1070"/>
      <c r="Z19" s="1070"/>
      <c r="AA19" s="1071"/>
      <c r="AB19" s="1083" t="s">
        <v>12</v>
      </c>
      <c r="AC19" s="1084"/>
      <c r="AD19" s="1084"/>
      <c r="AE19" s="1084"/>
      <c r="AF19" s="1084"/>
      <c r="AG19" s="1085"/>
      <c r="AH19" s="1046" t="s">
        <v>95</v>
      </c>
      <c r="AI19" s="1047"/>
      <c r="AJ19" s="1047"/>
      <c r="AK19" s="1047"/>
      <c r="AL19" s="1047"/>
      <c r="AM19" s="1047"/>
      <c r="AN19" s="1047"/>
      <c r="AO19" s="1047"/>
      <c r="AP19" s="1047"/>
      <c r="AQ19" s="1047"/>
      <c r="AR19" s="1047"/>
      <c r="AS19" s="1047"/>
      <c r="AT19" s="1047"/>
      <c r="AU19" s="1047"/>
      <c r="AV19" s="1047"/>
      <c r="AW19" s="1047"/>
      <c r="AX19" s="1048"/>
      <c r="AY19" s="1117" t="s">
        <v>14</v>
      </c>
      <c r="AZ19" s="1117"/>
      <c r="BA19" s="1117"/>
      <c r="BB19" s="1117"/>
      <c r="BC19" s="1120"/>
      <c r="BD19" s="1120"/>
      <c r="BE19" s="1120"/>
      <c r="BF19" s="1120"/>
      <c r="BG19" s="1117" t="s">
        <v>123</v>
      </c>
      <c r="BH19" s="1117"/>
      <c r="BI19" s="1117"/>
      <c r="BJ19" s="1117"/>
      <c r="BK19" s="1117"/>
      <c r="BL19" s="1117"/>
      <c r="BM19" s="1117"/>
      <c r="BN19" s="1117"/>
      <c r="BO19" s="1117"/>
      <c r="BP19" s="1117"/>
      <c r="BQ19" s="1117"/>
      <c r="BR19" s="1117"/>
      <c r="BS19" s="1117"/>
      <c r="BT19" s="1117"/>
      <c r="BU19" s="1117"/>
      <c r="BV19" s="1117"/>
      <c r="BW19" s="1117"/>
      <c r="BX19" s="1130" t="s">
        <v>136</v>
      </c>
      <c r="BY19" s="1130"/>
      <c r="BZ19" s="1130"/>
      <c r="CA19" s="1130"/>
      <c r="CB19" s="1130"/>
      <c r="CC19" s="1130"/>
      <c r="CD19" s="1130"/>
      <c r="CE19" s="1130"/>
      <c r="CF19" s="1130"/>
      <c r="CG19" s="1130"/>
      <c r="CH19" s="1130"/>
      <c r="CI19" s="1130"/>
      <c r="CJ19" s="1130"/>
      <c r="CK19" s="1130"/>
      <c r="CL19" s="1130"/>
      <c r="CM19" s="1130"/>
      <c r="CN19" s="1130"/>
      <c r="CO19" s="1130"/>
      <c r="CP19" s="1130"/>
      <c r="CQ19" s="1130"/>
      <c r="CR19" s="1130"/>
      <c r="CS19" s="1130"/>
      <c r="CT19" s="1148"/>
      <c r="CU19" s="57"/>
      <c r="CV19" s="57"/>
      <c r="CW19" s="57"/>
      <c r="CX19" s="57"/>
      <c r="CY19" s="57"/>
      <c r="CZ19" s="57"/>
      <c r="DA19" s="57"/>
    </row>
    <row r="20" spans="1:105" s="2" customFormat="1" ht="11.25" customHeight="1" x14ac:dyDescent="0.15">
      <c r="A20" s="3"/>
      <c r="B20" s="1132" t="s">
        <v>73</v>
      </c>
      <c r="C20" s="982"/>
      <c r="D20" s="993"/>
      <c r="E20" s="994"/>
      <c r="F20" s="994"/>
      <c r="G20" s="994"/>
      <c r="H20" s="994"/>
      <c r="I20" s="994"/>
      <c r="J20" s="994"/>
      <c r="K20" s="994"/>
      <c r="L20" s="994"/>
      <c r="M20" s="994"/>
      <c r="N20" s="994"/>
      <c r="O20" s="994"/>
      <c r="P20" s="994"/>
      <c r="Q20" s="994"/>
      <c r="R20" s="994"/>
      <c r="S20" s="994"/>
      <c r="T20" s="994"/>
      <c r="U20" s="994"/>
      <c r="V20" s="994"/>
      <c r="W20" s="994"/>
      <c r="X20" s="994"/>
      <c r="Y20" s="994"/>
      <c r="Z20" s="994"/>
      <c r="AA20" s="1043"/>
      <c r="AB20" s="984"/>
      <c r="AC20" s="985"/>
      <c r="AD20" s="985"/>
      <c r="AE20" s="985"/>
      <c r="AF20" s="985"/>
      <c r="AG20" s="986"/>
      <c r="AH20" s="1049"/>
      <c r="AI20" s="1050"/>
      <c r="AJ20" s="1050"/>
      <c r="AK20" s="1050"/>
      <c r="AL20" s="1050"/>
      <c r="AM20" s="1050"/>
      <c r="AN20" s="1050"/>
      <c r="AO20" s="1050"/>
      <c r="AP20" s="1050"/>
      <c r="AQ20" s="1050"/>
      <c r="AR20" s="1050"/>
      <c r="AS20" s="1050"/>
      <c r="AT20" s="1050"/>
      <c r="AU20" s="1050"/>
      <c r="AV20" s="1050"/>
      <c r="AW20" s="1050"/>
      <c r="AX20" s="1051"/>
      <c r="AY20" s="1122"/>
      <c r="AZ20" s="1122"/>
      <c r="BA20" s="1122"/>
      <c r="BB20" s="1122"/>
      <c r="BC20" s="1024"/>
      <c r="BD20" s="1024"/>
      <c r="BE20" s="1024"/>
      <c r="BF20" s="1024"/>
      <c r="BG20" s="1122"/>
      <c r="BH20" s="1122"/>
      <c r="BI20" s="1122"/>
      <c r="BJ20" s="1122"/>
      <c r="BK20" s="1122"/>
      <c r="BL20" s="1122"/>
      <c r="BM20" s="1122"/>
      <c r="BN20" s="1122"/>
      <c r="BO20" s="1122"/>
      <c r="BP20" s="1122"/>
      <c r="BQ20" s="1122"/>
      <c r="BR20" s="1122"/>
      <c r="BS20" s="1122"/>
      <c r="BT20" s="1122"/>
      <c r="BU20" s="1122"/>
      <c r="BV20" s="1122"/>
      <c r="BW20" s="1122"/>
      <c r="BX20" s="1149"/>
      <c r="BY20" s="1149"/>
      <c r="BZ20" s="1149"/>
      <c r="CA20" s="1149"/>
      <c r="CB20" s="1149"/>
      <c r="CC20" s="1149"/>
      <c r="CD20" s="1149"/>
      <c r="CE20" s="1149"/>
      <c r="CF20" s="1149"/>
      <c r="CG20" s="1149"/>
      <c r="CH20" s="1149"/>
      <c r="CI20" s="1149"/>
      <c r="CJ20" s="1149"/>
      <c r="CK20" s="1149"/>
      <c r="CL20" s="1149"/>
      <c r="CM20" s="1149"/>
      <c r="CN20" s="1149"/>
      <c r="CO20" s="1149"/>
      <c r="CP20" s="1149"/>
      <c r="CQ20" s="1149"/>
      <c r="CR20" s="1149"/>
      <c r="CS20" s="1149"/>
      <c r="CT20" s="1150"/>
      <c r="CU20" s="57"/>
      <c r="CV20" s="57"/>
      <c r="CW20" s="57"/>
      <c r="CX20" s="57"/>
      <c r="CY20" s="57"/>
      <c r="CZ20" s="57"/>
      <c r="DA20" s="57"/>
    </row>
    <row r="21" spans="1:105" s="2" customFormat="1" ht="33" customHeight="1" thickBot="1" x14ac:dyDescent="0.2">
      <c r="A21" s="3"/>
      <c r="B21" s="1133"/>
      <c r="C21" s="988"/>
      <c r="D21" s="997"/>
      <c r="E21" s="998"/>
      <c r="F21" s="998"/>
      <c r="G21" s="998"/>
      <c r="H21" s="998"/>
      <c r="I21" s="998"/>
      <c r="J21" s="998"/>
      <c r="K21" s="998"/>
      <c r="L21" s="998"/>
      <c r="M21" s="998"/>
      <c r="N21" s="998"/>
      <c r="O21" s="998"/>
      <c r="P21" s="998"/>
      <c r="Q21" s="998"/>
      <c r="R21" s="998"/>
      <c r="S21" s="998"/>
      <c r="T21" s="998"/>
      <c r="U21" s="998"/>
      <c r="V21" s="998"/>
      <c r="W21" s="998"/>
      <c r="X21" s="998"/>
      <c r="Y21" s="998"/>
      <c r="Z21" s="998"/>
      <c r="AA21" s="1045"/>
      <c r="AB21" s="987"/>
      <c r="AC21" s="988"/>
      <c r="AD21" s="988"/>
      <c r="AE21" s="988"/>
      <c r="AF21" s="988"/>
      <c r="AG21" s="989"/>
      <c r="AH21" s="1052"/>
      <c r="AI21" s="1053"/>
      <c r="AJ21" s="1053"/>
      <c r="AK21" s="1053"/>
      <c r="AL21" s="1053"/>
      <c r="AM21" s="1053"/>
      <c r="AN21" s="1053"/>
      <c r="AO21" s="1053"/>
      <c r="AP21" s="1053"/>
      <c r="AQ21" s="1053"/>
      <c r="AR21" s="1053"/>
      <c r="AS21" s="1053"/>
      <c r="AT21" s="1053"/>
      <c r="AU21" s="1053"/>
      <c r="AV21" s="1053"/>
      <c r="AW21" s="1053"/>
      <c r="AX21" s="1054"/>
      <c r="AY21" s="1123"/>
      <c r="AZ21" s="1123"/>
      <c r="BA21" s="1123"/>
      <c r="BB21" s="1123"/>
      <c r="BC21" s="1121"/>
      <c r="BD21" s="1121"/>
      <c r="BE21" s="1121"/>
      <c r="BF21" s="1121"/>
      <c r="BG21" s="1123"/>
      <c r="BH21" s="1123"/>
      <c r="BI21" s="1123"/>
      <c r="BJ21" s="1123"/>
      <c r="BK21" s="1123"/>
      <c r="BL21" s="1123"/>
      <c r="BM21" s="1123"/>
      <c r="BN21" s="1123"/>
      <c r="BO21" s="1123"/>
      <c r="BP21" s="1123"/>
      <c r="BQ21" s="1123"/>
      <c r="BR21" s="1123"/>
      <c r="BS21" s="1123"/>
      <c r="BT21" s="1123"/>
      <c r="BU21" s="1123"/>
      <c r="BV21" s="1123"/>
      <c r="BW21" s="1123"/>
      <c r="BX21" s="1151"/>
      <c r="BY21" s="1151"/>
      <c r="BZ21" s="1151"/>
      <c r="CA21" s="1151"/>
      <c r="CB21" s="1151"/>
      <c r="CC21" s="1151"/>
      <c r="CD21" s="1151"/>
      <c r="CE21" s="1151"/>
      <c r="CF21" s="1151"/>
      <c r="CG21" s="1151"/>
      <c r="CH21" s="1151"/>
      <c r="CI21" s="1151"/>
      <c r="CJ21" s="1151"/>
      <c r="CK21" s="1151"/>
      <c r="CL21" s="1151"/>
      <c r="CM21" s="1151"/>
      <c r="CN21" s="1151"/>
      <c r="CO21" s="1151"/>
      <c r="CP21" s="1151"/>
      <c r="CQ21" s="1151"/>
      <c r="CR21" s="1151"/>
      <c r="CS21" s="1151"/>
      <c r="CT21" s="1152"/>
    </row>
    <row r="22" spans="1:105" s="2" customFormat="1" ht="21.75" customHeight="1" x14ac:dyDescent="0.15">
      <c r="A22" s="3"/>
      <c r="B22" s="1065" t="s">
        <v>77</v>
      </c>
      <c r="C22" s="1066"/>
      <c r="D22" s="1066"/>
      <c r="E22" s="1066"/>
      <c r="F22" s="1066"/>
      <c r="G22" s="1066"/>
      <c r="H22" s="1066"/>
      <c r="I22" s="1066"/>
      <c r="J22" s="1066"/>
      <c r="K22" s="1066"/>
      <c r="L22" s="1066"/>
      <c r="M22" s="1066"/>
      <c r="N22" s="1066"/>
      <c r="O22" s="1066"/>
      <c r="P22" s="1066"/>
      <c r="Q22" s="1066"/>
      <c r="R22" s="1066"/>
      <c r="S22" s="1066"/>
      <c r="T22" s="1066"/>
      <c r="U22" s="1066"/>
      <c r="V22" s="1066"/>
      <c r="W22" s="1066"/>
      <c r="X22" s="1066"/>
      <c r="Y22" s="1066"/>
      <c r="Z22" s="1066"/>
      <c r="AA22" s="1066"/>
      <c r="AB22" s="1066"/>
      <c r="AC22" s="1066"/>
      <c r="AD22" s="1066"/>
      <c r="AE22" s="1066"/>
      <c r="AF22" s="1066"/>
      <c r="AG22" s="1066"/>
      <c r="AH22" s="1066"/>
      <c r="AI22" s="1066"/>
      <c r="AJ22" s="1066"/>
      <c r="AK22" s="1066"/>
      <c r="AL22" s="1057"/>
      <c r="AM22" s="1144" t="s">
        <v>78</v>
      </c>
      <c r="AN22" s="1066"/>
      <c r="AO22" s="1066"/>
      <c r="AP22" s="1066"/>
      <c r="AQ22" s="1066"/>
      <c r="AR22" s="1066"/>
      <c r="AS22" s="1066"/>
      <c r="AT22" s="1066"/>
      <c r="AU22" s="1066"/>
      <c r="AV22" s="1066"/>
      <c r="AW22" s="1066"/>
      <c r="AX22" s="1066"/>
      <c r="AY22" s="1066"/>
      <c r="AZ22" s="1066"/>
      <c r="BA22" s="1066"/>
      <c r="BB22" s="1066"/>
      <c r="BC22" s="1066"/>
      <c r="BD22" s="1066"/>
      <c r="BE22" s="1066"/>
      <c r="BF22" s="1066"/>
      <c r="BG22" s="1066"/>
      <c r="BH22" s="1066"/>
      <c r="BI22" s="1066"/>
      <c r="BJ22" s="1066"/>
      <c r="BK22" s="1066"/>
      <c r="BL22" s="1066"/>
      <c r="BM22" s="1066"/>
      <c r="BN22" s="1066"/>
      <c r="BO22" s="1066"/>
      <c r="BP22" s="1145"/>
      <c r="BQ22" s="1144" t="s">
        <v>128</v>
      </c>
      <c r="BR22" s="1066"/>
      <c r="BS22" s="1066"/>
      <c r="BT22" s="1066"/>
      <c r="BU22" s="1066"/>
      <c r="BV22" s="1066"/>
      <c r="BW22" s="1066"/>
      <c r="BX22" s="1066"/>
      <c r="BY22" s="1066"/>
      <c r="BZ22" s="1066"/>
      <c r="CA22" s="1066"/>
      <c r="CB22" s="1066"/>
      <c r="CC22" s="1066"/>
      <c r="CD22" s="1066"/>
      <c r="CE22" s="1066"/>
      <c r="CF22" s="1066"/>
      <c r="CG22" s="1066"/>
      <c r="CH22" s="1066"/>
      <c r="CI22" s="1066"/>
      <c r="CJ22" s="1066"/>
      <c r="CK22" s="1066"/>
      <c r="CL22" s="1066"/>
      <c r="CM22" s="1066"/>
      <c r="CN22" s="1066"/>
      <c r="CO22" s="1066"/>
      <c r="CP22" s="1066"/>
      <c r="CQ22" s="1066"/>
      <c r="CR22" s="1066"/>
      <c r="CS22" s="1066"/>
      <c r="CT22" s="1147"/>
    </row>
    <row r="23" spans="1:105" s="2" customFormat="1" ht="27.75" customHeight="1" x14ac:dyDescent="0.15">
      <c r="A23" s="3"/>
      <c r="B23" s="1087" t="s">
        <v>11</v>
      </c>
      <c r="C23" s="1088"/>
      <c r="D23" s="1088"/>
      <c r="E23" s="1088"/>
      <c r="F23" s="1088"/>
      <c r="G23" s="1088"/>
      <c r="H23" s="1134" t="s">
        <v>74</v>
      </c>
      <c r="I23" s="1135"/>
      <c r="J23" s="1135"/>
      <c r="K23" s="1135"/>
      <c r="L23" s="1135"/>
      <c r="M23" s="1135"/>
      <c r="N23" s="1135"/>
      <c r="O23" s="1136"/>
      <c r="P23" s="1134" t="s">
        <v>75</v>
      </c>
      <c r="Q23" s="1135"/>
      <c r="R23" s="1135"/>
      <c r="S23" s="1135"/>
      <c r="T23" s="1135"/>
      <c r="U23" s="1135"/>
      <c r="V23" s="1135"/>
      <c r="W23" s="1136"/>
      <c r="X23" s="1134" t="s">
        <v>102</v>
      </c>
      <c r="Y23" s="1135"/>
      <c r="Z23" s="1135"/>
      <c r="AA23" s="1135"/>
      <c r="AB23" s="1135"/>
      <c r="AC23" s="1135"/>
      <c r="AD23" s="1135"/>
      <c r="AE23" s="1136"/>
      <c r="AF23" s="1134" t="s">
        <v>98</v>
      </c>
      <c r="AG23" s="1135"/>
      <c r="AH23" s="1135"/>
      <c r="AI23" s="1135"/>
      <c r="AJ23" s="1135"/>
      <c r="AK23" s="1135"/>
      <c r="AL23" s="1135"/>
      <c r="AM23" s="1138" t="s">
        <v>11</v>
      </c>
      <c r="AN23" s="1088"/>
      <c r="AO23" s="1088"/>
      <c r="AP23" s="1088"/>
      <c r="AQ23" s="1088"/>
      <c r="AR23" s="1088"/>
      <c r="AS23" s="1088"/>
      <c r="AT23" s="1088"/>
      <c r="AU23" s="1088"/>
      <c r="AV23" s="1088"/>
      <c r="AW23" s="1088"/>
      <c r="AX23" s="1088" t="s">
        <v>127</v>
      </c>
      <c r="AY23" s="1088"/>
      <c r="AZ23" s="1088"/>
      <c r="BA23" s="1088"/>
      <c r="BB23" s="1088"/>
      <c r="BC23" s="1088"/>
      <c r="BD23" s="1088"/>
      <c r="BE23" s="1088"/>
      <c r="BF23" s="1088"/>
      <c r="BG23" s="1088"/>
      <c r="BH23" s="1088"/>
      <c r="BI23" s="1088"/>
      <c r="BJ23" s="1088"/>
      <c r="BK23" s="1088"/>
      <c r="BL23" s="1088"/>
      <c r="BM23" s="1088"/>
      <c r="BN23" s="1088"/>
      <c r="BO23" s="1088"/>
      <c r="BP23" s="1139"/>
      <c r="BQ23" s="1138" t="s">
        <v>11</v>
      </c>
      <c r="BR23" s="1088"/>
      <c r="BS23" s="1088"/>
      <c r="BT23" s="1088"/>
      <c r="BU23" s="1088"/>
      <c r="BV23" s="1088"/>
      <c r="BW23" s="1088"/>
      <c r="BX23" s="1088"/>
      <c r="BY23" s="1088"/>
      <c r="BZ23" s="1088"/>
      <c r="CA23" s="1088"/>
      <c r="CB23" s="1088" t="s">
        <v>127</v>
      </c>
      <c r="CC23" s="1088"/>
      <c r="CD23" s="1088"/>
      <c r="CE23" s="1088"/>
      <c r="CF23" s="1088"/>
      <c r="CG23" s="1088"/>
      <c r="CH23" s="1088"/>
      <c r="CI23" s="1088"/>
      <c r="CJ23" s="1088"/>
      <c r="CK23" s="1088"/>
      <c r="CL23" s="1088"/>
      <c r="CM23" s="1088"/>
      <c r="CN23" s="1088"/>
      <c r="CO23" s="1088"/>
      <c r="CP23" s="1088"/>
      <c r="CQ23" s="1088"/>
      <c r="CR23" s="1088"/>
      <c r="CS23" s="1088"/>
      <c r="CT23" s="1153"/>
    </row>
    <row r="24" spans="1:105" s="2" customFormat="1" ht="44.25" customHeight="1" x14ac:dyDescent="0.15">
      <c r="A24" s="3"/>
      <c r="B24" s="463"/>
      <c r="C24" s="464"/>
      <c r="D24" s="464"/>
      <c r="E24" s="464"/>
      <c r="F24" s="464"/>
      <c r="G24" s="465"/>
      <c r="H24" s="459"/>
      <c r="I24" s="459"/>
      <c r="J24" s="459"/>
      <c r="K24" s="459"/>
      <c r="L24" s="459"/>
      <c r="M24" s="459"/>
      <c r="N24" s="459"/>
      <c r="O24" s="459"/>
      <c r="P24" s="459"/>
      <c r="Q24" s="459"/>
      <c r="R24" s="459"/>
      <c r="S24" s="459"/>
      <c r="T24" s="459"/>
      <c r="U24" s="459"/>
      <c r="V24" s="459"/>
      <c r="W24" s="459"/>
      <c r="X24" s="464"/>
      <c r="Y24" s="464"/>
      <c r="Z24" s="464"/>
      <c r="AA24" s="464"/>
      <c r="AB24" s="464"/>
      <c r="AC24" s="464"/>
      <c r="AD24" s="464"/>
      <c r="AE24" s="465"/>
      <c r="AF24" s="1055" t="s">
        <v>124</v>
      </c>
      <c r="AG24" s="1056"/>
      <c r="AH24" s="1056"/>
      <c r="AI24" s="1056"/>
      <c r="AJ24" s="1056"/>
      <c r="AK24" s="1056"/>
      <c r="AL24" s="1056"/>
      <c r="AM24" s="458"/>
      <c r="AN24" s="459"/>
      <c r="AO24" s="459"/>
      <c r="AP24" s="459"/>
      <c r="AQ24" s="459"/>
      <c r="AR24" s="459"/>
      <c r="AS24" s="459"/>
      <c r="AT24" s="459"/>
      <c r="AU24" s="459"/>
      <c r="AV24" s="459"/>
      <c r="AW24" s="459"/>
      <c r="AX24" s="459"/>
      <c r="AY24" s="459"/>
      <c r="AZ24" s="459"/>
      <c r="BA24" s="459"/>
      <c r="BB24" s="459"/>
      <c r="BC24" s="459"/>
      <c r="BD24" s="459"/>
      <c r="BE24" s="459"/>
      <c r="BF24" s="459"/>
      <c r="BG24" s="459"/>
      <c r="BH24" s="459"/>
      <c r="BI24" s="459"/>
      <c r="BJ24" s="459"/>
      <c r="BK24" s="459"/>
      <c r="BL24" s="459"/>
      <c r="BM24" s="459"/>
      <c r="BN24" s="459"/>
      <c r="BO24" s="459"/>
      <c r="BP24" s="460"/>
      <c r="BQ24" s="458"/>
      <c r="BR24" s="459"/>
      <c r="BS24" s="459"/>
      <c r="BT24" s="459"/>
      <c r="BU24" s="459"/>
      <c r="BV24" s="459"/>
      <c r="BW24" s="459"/>
      <c r="BX24" s="459"/>
      <c r="BY24" s="459"/>
      <c r="BZ24" s="459"/>
      <c r="CA24" s="459"/>
      <c r="CB24" s="459"/>
      <c r="CC24" s="459"/>
      <c r="CD24" s="459"/>
      <c r="CE24" s="459"/>
      <c r="CF24" s="459"/>
      <c r="CG24" s="459"/>
      <c r="CH24" s="459"/>
      <c r="CI24" s="459"/>
      <c r="CJ24" s="459"/>
      <c r="CK24" s="459"/>
      <c r="CL24" s="459"/>
      <c r="CM24" s="459"/>
      <c r="CN24" s="459"/>
      <c r="CO24" s="459"/>
      <c r="CP24" s="459"/>
      <c r="CQ24" s="459"/>
      <c r="CR24" s="459"/>
      <c r="CS24" s="459"/>
      <c r="CT24" s="462"/>
    </row>
    <row r="25" spans="1:105" s="2" customFormat="1" ht="34.5" customHeight="1" thickBot="1" x14ac:dyDescent="0.2">
      <c r="A25" s="3"/>
      <c r="B25" s="96" t="s">
        <v>133</v>
      </c>
      <c r="C25" s="1026"/>
      <c r="D25" s="1027"/>
      <c r="E25" s="1027"/>
      <c r="F25" s="1027"/>
      <c r="G25" s="1027"/>
      <c r="H25" s="1027"/>
      <c r="I25" s="1027"/>
      <c r="J25" s="1027"/>
      <c r="K25" s="1027"/>
      <c r="L25" s="1027"/>
      <c r="M25" s="1027"/>
      <c r="N25" s="1027"/>
      <c r="O25" s="1028"/>
      <c r="P25" s="1060" t="s">
        <v>105</v>
      </c>
      <c r="Q25" s="1061"/>
      <c r="R25" s="1061"/>
      <c r="S25" s="1061"/>
      <c r="T25" s="1061"/>
      <c r="U25" s="1062" t="s">
        <v>126</v>
      </c>
      <c r="V25" s="1063"/>
      <c r="W25" s="1063"/>
      <c r="X25" s="1063"/>
      <c r="Y25" s="1063"/>
      <c r="Z25" s="1063"/>
      <c r="AA25" s="1063"/>
      <c r="AB25" s="1063"/>
      <c r="AC25" s="1063"/>
      <c r="AD25" s="1063"/>
      <c r="AE25" s="1063"/>
      <c r="AF25" s="1063"/>
      <c r="AG25" s="1063"/>
      <c r="AH25" s="1063"/>
      <c r="AI25" s="1063"/>
      <c r="AJ25" s="1063"/>
      <c r="AK25" s="1063"/>
      <c r="AL25" s="1064"/>
      <c r="AM25" s="1019" t="s">
        <v>132</v>
      </c>
      <c r="AN25" s="1015"/>
      <c r="AO25" s="1015"/>
      <c r="AP25" s="1015"/>
      <c r="AQ25" s="1026"/>
      <c r="AR25" s="1027"/>
      <c r="AS25" s="1027"/>
      <c r="AT25" s="1027"/>
      <c r="AU25" s="1027"/>
      <c r="AV25" s="1027"/>
      <c r="AW25" s="1028"/>
      <c r="AX25" s="1014" t="s">
        <v>134</v>
      </c>
      <c r="AY25" s="1015"/>
      <c r="AZ25" s="1015"/>
      <c r="BA25" s="1016" t="s">
        <v>139</v>
      </c>
      <c r="BB25" s="1017"/>
      <c r="BC25" s="1017"/>
      <c r="BD25" s="1017"/>
      <c r="BE25" s="1017"/>
      <c r="BF25" s="1017"/>
      <c r="BG25" s="1017"/>
      <c r="BH25" s="1017"/>
      <c r="BI25" s="1017"/>
      <c r="BJ25" s="1017"/>
      <c r="BK25" s="1017"/>
      <c r="BL25" s="1017"/>
      <c r="BM25" s="1017"/>
      <c r="BN25" s="1017"/>
      <c r="BO25" s="1017"/>
      <c r="BP25" s="1137"/>
      <c r="BQ25" s="1019" t="s">
        <v>135</v>
      </c>
      <c r="BR25" s="1015"/>
      <c r="BS25" s="1015"/>
      <c r="BT25" s="1015"/>
      <c r="BU25" s="1020"/>
      <c r="BV25" s="1021"/>
      <c r="BW25" s="1021"/>
      <c r="BX25" s="1021"/>
      <c r="BY25" s="1021"/>
      <c r="BZ25" s="1021"/>
      <c r="CA25" s="1022"/>
      <c r="CB25" s="1014" t="s">
        <v>134</v>
      </c>
      <c r="CC25" s="1015"/>
      <c r="CD25" s="1015"/>
      <c r="CE25" s="1016" t="s">
        <v>139</v>
      </c>
      <c r="CF25" s="1017"/>
      <c r="CG25" s="1017"/>
      <c r="CH25" s="1017"/>
      <c r="CI25" s="1017"/>
      <c r="CJ25" s="1017"/>
      <c r="CK25" s="1017"/>
      <c r="CL25" s="1017"/>
      <c r="CM25" s="1017"/>
      <c r="CN25" s="1017"/>
      <c r="CO25" s="1017"/>
      <c r="CP25" s="1017"/>
      <c r="CQ25" s="1017"/>
      <c r="CR25" s="1017"/>
      <c r="CS25" s="1017"/>
      <c r="CT25" s="1018"/>
    </row>
    <row r="26" spans="1:105" s="2" customFormat="1" ht="27.75" customHeight="1" thickBot="1" x14ac:dyDescent="0.2">
      <c r="A26" s="56"/>
      <c r="B26" s="1086" t="s">
        <v>92</v>
      </c>
      <c r="C26" s="1039"/>
      <c r="D26" s="1039"/>
      <c r="E26" s="1039"/>
      <c r="F26" s="1039"/>
      <c r="G26" s="1039"/>
      <c r="H26" s="1039"/>
      <c r="I26" s="1039"/>
      <c r="J26" s="1039"/>
      <c r="K26" s="1039"/>
      <c r="L26" s="1039"/>
      <c r="M26" s="1039"/>
      <c r="N26" s="1040"/>
      <c r="O26" s="1041"/>
      <c r="P26" s="1041"/>
      <c r="Q26" s="1041"/>
      <c r="R26" s="1041"/>
      <c r="S26" s="1041"/>
      <c r="T26" s="1041"/>
      <c r="U26" s="1041"/>
      <c r="V26" s="1041"/>
      <c r="W26" s="1041"/>
      <c r="X26" s="1041"/>
      <c r="Y26" s="1041"/>
      <c r="Z26" s="1041"/>
      <c r="AA26" s="1041"/>
      <c r="AB26" s="1041"/>
      <c r="AC26" s="1041"/>
      <c r="AD26" s="1041"/>
      <c r="AE26" s="1041"/>
      <c r="AF26" s="1041"/>
      <c r="AG26" s="1041"/>
      <c r="AH26" s="1042"/>
      <c r="AI26" s="1038" t="s">
        <v>93</v>
      </c>
      <c r="AJ26" s="1039"/>
      <c r="AK26" s="1039"/>
      <c r="AL26" s="1039"/>
      <c r="AM26" s="1039"/>
      <c r="AN26" s="1039"/>
      <c r="AO26" s="1039"/>
      <c r="AP26" s="1039"/>
      <c r="AQ26" s="1039"/>
      <c r="AR26" s="1039"/>
      <c r="AS26" s="1039"/>
      <c r="AT26" s="1039"/>
      <c r="AU26" s="1039"/>
      <c r="AV26" s="1039"/>
      <c r="AW26" s="1039"/>
      <c r="AX26" s="1040"/>
      <c r="AY26" s="1041"/>
      <c r="AZ26" s="1041"/>
      <c r="BA26" s="1041"/>
      <c r="BB26" s="1041"/>
      <c r="BC26" s="1041"/>
      <c r="BD26" s="1041"/>
      <c r="BE26" s="1041"/>
      <c r="BF26" s="1041"/>
      <c r="BG26" s="1041"/>
      <c r="BH26" s="1041"/>
      <c r="BI26" s="1041"/>
      <c r="BJ26" s="1041"/>
      <c r="BK26" s="1041"/>
      <c r="BL26" s="1041"/>
      <c r="BM26" s="1041"/>
      <c r="BN26" s="1041"/>
      <c r="BO26" s="1041"/>
      <c r="BP26" s="1042"/>
      <c r="BQ26" s="1122" t="s">
        <v>96</v>
      </c>
      <c r="BR26" s="1122"/>
      <c r="BS26" s="1122"/>
      <c r="BT26" s="1122"/>
      <c r="BU26" s="1122"/>
      <c r="BV26" s="1122"/>
      <c r="BW26" s="1122"/>
      <c r="BX26" s="1143"/>
      <c r="BY26" s="1143"/>
      <c r="BZ26" s="1143"/>
      <c r="CA26" s="1143"/>
      <c r="CB26" s="1143"/>
      <c r="CC26" s="1143"/>
      <c r="CD26" s="1143"/>
      <c r="CE26" s="1143"/>
      <c r="CF26" s="1023"/>
      <c r="CG26" s="1023"/>
      <c r="CH26" s="1023"/>
      <c r="CI26" s="1024"/>
      <c r="CJ26" s="1024"/>
      <c r="CK26" s="1024"/>
      <c r="CL26" s="1024"/>
      <c r="CM26" s="1024"/>
      <c r="CN26" s="1024"/>
      <c r="CO26" s="1024"/>
      <c r="CP26" s="1024"/>
      <c r="CQ26" s="1024"/>
      <c r="CR26" s="1024"/>
      <c r="CS26" s="1024"/>
      <c r="CT26" s="1025"/>
    </row>
    <row r="27" spans="1:105" s="2" customFormat="1" ht="18" customHeight="1" x14ac:dyDescent="0.15">
      <c r="A27" s="3"/>
      <c r="B27" s="1075" t="s">
        <v>100</v>
      </c>
      <c r="C27" s="1059"/>
      <c r="D27" s="1095" t="s">
        <v>131</v>
      </c>
      <c r="E27" s="1096"/>
      <c r="F27" s="1096"/>
      <c r="G27" s="1097"/>
      <c r="H27" s="535" t="s">
        <v>99</v>
      </c>
      <c r="I27" s="1076"/>
      <c r="J27" s="1076"/>
      <c r="K27" s="1076"/>
      <c r="L27" s="1077"/>
      <c r="M27" s="398" t="s">
        <v>17</v>
      </c>
      <c r="N27" s="399"/>
      <c r="O27" s="399"/>
      <c r="P27" s="399"/>
      <c r="Q27" s="399"/>
      <c r="R27" s="399"/>
      <c r="S27" s="399"/>
      <c r="T27" s="399"/>
      <c r="U27" s="399"/>
      <c r="V27" s="399"/>
      <c r="W27" s="1057" t="s">
        <v>19</v>
      </c>
      <c r="X27" s="1058"/>
      <c r="Y27" s="1058"/>
      <c r="Z27" s="1058"/>
      <c r="AA27" s="1058"/>
      <c r="AB27" s="1058"/>
      <c r="AC27" s="1058"/>
      <c r="AD27" s="1059"/>
      <c r="AE27" s="1072" t="s">
        <v>83</v>
      </c>
      <c r="AF27" s="1072"/>
      <c r="AG27" s="1072"/>
      <c r="AH27" s="1072"/>
      <c r="AI27" s="1072"/>
      <c r="AJ27" s="1072"/>
      <c r="AK27" s="1072"/>
      <c r="AL27" s="1072"/>
      <c r="AM27" s="1072"/>
      <c r="AN27" s="1072"/>
      <c r="AO27" s="1072"/>
      <c r="AP27" s="1072"/>
      <c r="AQ27" s="1057" t="s">
        <v>20</v>
      </c>
      <c r="AR27" s="1058"/>
      <c r="AS27" s="1058"/>
      <c r="AT27" s="1058"/>
      <c r="AU27" s="1058"/>
      <c r="AV27" s="1059"/>
      <c r="AW27" s="344" t="s">
        <v>84</v>
      </c>
      <c r="AX27" s="345"/>
      <c r="AY27" s="345"/>
      <c r="AZ27" s="345"/>
      <c r="BA27" s="345"/>
      <c r="BB27" s="345"/>
      <c r="BC27" s="346"/>
      <c r="BD27" s="1066" t="s">
        <v>18</v>
      </c>
      <c r="BE27" s="1066"/>
      <c r="BF27" s="1066"/>
      <c r="BG27" s="1066"/>
      <c r="BH27" s="1066"/>
      <c r="BI27" s="1066"/>
      <c r="BJ27" s="1066"/>
      <c r="BK27" s="1066"/>
      <c r="BL27" s="1066"/>
      <c r="BM27" s="1066"/>
      <c r="BN27" s="1066"/>
      <c r="BO27" s="1066"/>
      <c r="BP27" s="1066"/>
      <c r="BQ27" s="1057"/>
      <c r="BR27" s="1057" t="s">
        <v>122</v>
      </c>
      <c r="BS27" s="1058"/>
      <c r="BT27" s="1058"/>
      <c r="BU27" s="1058"/>
      <c r="BV27" s="1058"/>
      <c r="BW27" s="1058"/>
      <c r="BX27" s="1058"/>
      <c r="BY27" s="1059"/>
      <c r="BZ27" s="1002"/>
      <c r="CA27" s="1003"/>
      <c r="CB27" s="1003"/>
      <c r="CC27" s="1003"/>
      <c r="CD27" s="1003"/>
      <c r="CE27" s="1003"/>
      <c r="CF27" s="1003"/>
      <c r="CG27" s="1003"/>
      <c r="CH27" s="1003"/>
      <c r="CI27" s="1003"/>
      <c r="CJ27" s="1003"/>
      <c r="CK27" s="1003"/>
      <c r="CL27" s="1003"/>
      <c r="CM27" s="1003"/>
      <c r="CN27" s="1003"/>
      <c r="CO27" s="1004"/>
      <c r="CP27" s="535" t="s">
        <v>137</v>
      </c>
      <c r="CQ27" s="1005"/>
      <c r="CR27" s="1005"/>
      <c r="CS27" s="1005"/>
      <c r="CT27" s="1006"/>
    </row>
    <row r="28" spans="1:105" s="2" customFormat="1" ht="15" customHeight="1" x14ac:dyDescent="0.15">
      <c r="A28" s="3"/>
      <c r="B28" s="1089" t="s">
        <v>129</v>
      </c>
      <c r="C28" s="1090"/>
      <c r="D28" s="1098"/>
      <c r="E28" s="1099"/>
      <c r="F28" s="1099"/>
      <c r="G28" s="1100"/>
      <c r="H28" s="538"/>
      <c r="I28" s="1078"/>
      <c r="J28" s="1078"/>
      <c r="K28" s="1078"/>
      <c r="L28" s="1079"/>
      <c r="M28" s="401"/>
      <c r="N28" s="402"/>
      <c r="O28" s="402"/>
      <c r="P28" s="402"/>
      <c r="Q28" s="402"/>
      <c r="R28" s="402"/>
      <c r="S28" s="402"/>
      <c r="T28" s="402"/>
      <c r="U28" s="402"/>
      <c r="V28" s="402"/>
      <c r="W28" s="993"/>
      <c r="X28" s="994"/>
      <c r="Y28" s="999"/>
      <c r="Z28" s="999"/>
      <c r="AA28" s="999"/>
      <c r="AB28" s="999"/>
      <c r="AC28" s="994"/>
      <c r="AD28" s="994"/>
      <c r="AE28" s="1073"/>
      <c r="AF28" s="1073"/>
      <c r="AG28" s="1073"/>
      <c r="AH28" s="1073"/>
      <c r="AI28" s="1073"/>
      <c r="AJ28" s="1073"/>
      <c r="AK28" s="1073"/>
      <c r="AL28" s="1073"/>
      <c r="AM28" s="1073"/>
      <c r="AN28" s="1073"/>
      <c r="AO28" s="1073"/>
      <c r="AP28" s="1073"/>
      <c r="AQ28" s="993"/>
      <c r="AR28" s="994"/>
      <c r="AS28" s="1032"/>
      <c r="AT28" s="1033"/>
      <c r="AU28" s="994"/>
      <c r="AV28" s="1043"/>
      <c r="AW28" s="1107" t="s">
        <v>130</v>
      </c>
      <c r="AX28" s="1108"/>
      <c r="AY28" s="1108"/>
      <c r="AZ28" s="1108"/>
      <c r="BA28" s="1108"/>
      <c r="BB28" s="1108"/>
      <c r="BC28" s="1109"/>
      <c r="BD28" s="1029"/>
      <c r="BE28" s="999"/>
      <c r="BF28" s="999"/>
      <c r="BG28" s="999"/>
      <c r="BH28" s="999"/>
      <c r="BI28" s="999"/>
      <c r="BJ28" s="999"/>
      <c r="BK28" s="999"/>
      <c r="BL28" s="999"/>
      <c r="BM28" s="999"/>
      <c r="BN28" s="999"/>
      <c r="BO28" s="999"/>
      <c r="BP28" s="999"/>
      <c r="BQ28" s="1140"/>
      <c r="BR28" s="981" t="s">
        <v>21</v>
      </c>
      <c r="BS28" s="982"/>
      <c r="BT28" s="982"/>
      <c r="BU28" s="982"/>
      <c r="BV28" s="982"/>
      <c r="BW28" s="982"/>
      <c r="BX28" s="982"/>
      <c r="BY28" s="983"/>
      <c r="BZ28" s="526"/>
      <c r="CA28" s="527"/>
      <c r="CB28" s="527"/>
      <c r="CC28" s="527"/>
      <c r="CD28" s="527"/>
      <c r="CE28" s="527"/>
      <c r="CF28" s="527"/>
      <c r="CG28" s="527"/>
      <c r="CH28" s="527"/>
      <c r="CI28" s="527"/>
      <c r="CJ28" s="527"/>
      <c r="CK28" s="527"/>
      <c r="CL28" s="527"/>
      <c r="CM28" s="527"/>
      <c r="CN28" s="527"/>
      <c r="CO28" s="1010"/>
      <c r="CP28" s="1007"/>
      <c r="CQ28" s="1008"/>
      <c r="CR28" s="1008"/>
      <c r="CS28" s="1008"/>
      <c r="CT28" s="1009"/>
    </row>
    <row r="29" spans="1:105" s="2" customFormat="1" ht="15" customHeight="1" x14ac:dyDescent="0.15">
      <c r="A29" s="3"/>
      <c r="B29" s="1091"/>
      <c r="C29" s="1092"/>
      <c r="D29" s="1101" t="s">
        <v>138</v>
      </c>
      <c r="E29" s="1102"/>
      <c r="F29" s="1102"/>
      <c r="G29" s="1103"/>
      <c r="H29" s="538"/>
      <c r="I29" s="1078"/>
      <c r="J29" s="1078"/>
      <c r="K29" s="1078"/>
      <c r="L29" s="1079"/>
      <c r="M29" s="401"/>
      <c r="N29" s="402"/>
      <c r="O29" s="402"/>
      <c r="P29" s="402"/>
      <c r="Q29" s="402"/>
      <c r="R29" s="402"/>
      <c r="S29" s="402"/>
      <c r="T29" s="402"/>
      <c r="U29" s="402"/>
      <c r="V29" s="402"/>
      <c r="W29" s="995"/>
      <c r="X29" s="996"/>
      <c r="Y29" s="1000"/>
      <c r="Z29" s="1000"/>
      <c r="AA29" s="1000"/>
      <c r="AB29" s="1000"/>
      <c r="AC29" s="996"/>
      <c r="AD29" s="996"/>
      <c r="AE29" s="1073"/>
      <c r="AF29" s="1073"/>
      <c r="AG29" s="1073"/>
      <c r="AH29" s="1073"/>
      <c r="AI29" s="1073"/>
      <c r="AJ29" s="1073"/>
      <c r="AK29" s="1073"/>
      <c r="AL29" s="1073"/>
      <c r="AM29" s="1073"/>
      <c r="AN29" s="1073"/>
      <c r="AO29" s="1073"/>
      <c r="AP29" s="1073"/>
      <c r="AQ29" s="995"/>
      <c r="AR29" s="996"/>
      <c r="AS29" s="1034"/>
      <c r="AT29" s="1035"/>
      <c r="AU29" s="996"/>
      <c r="AV29" s="1044"/>
      <c r="AW29" s="1110"/>
      <c r="AX29" s="1111"/>
      <c r="AY29" s="1111"/>
      <c r="AZ29" s="1111"/>
      <c r="BA29" s="1111"/>
      <c r="BB29" s="1111"/>
      <c r="BC29" s="1112"/>
      <c r="BD29" s="1030"/>
      <c r="BE29" s="1000"/>
      <c r="BF29" s="1000"/>
      <c r="BG29" s="1000"/>
      <c r="BH29" s="1000"/>
      <c r="BI29" s="1000"/>
      <c r="BJ29" s="1000"/>
      <c r="BK29" s="1000"/>
      <c r="BL29" s="1000"/>
      <c r="BM29" s="1000"/>
      <c r="BN29" s="1000"/>
      <c r="BO29" s="1000"/>
      <c r="BP29" s="1000"/>
      <c r="BQ29" s="1141"/>
      <c r="BR29" s="984"/>
      <c r="BS29" s="985"/>
      <c r="BT29" s="985"/>
      <c r="BU29" s="985"/>
      <c r="BV29" s="985"/>
      <c r="BW29" s="985"/>
      <c r="BX29" s="985"/>
      <c r="BY29" s="986"/>
      <c r="BZ29" s="526"/>
      <c r="CA29" s="527"/>
      <c r="CB29" s="527"/>
      <c r="CC29" s="527"/>
      <c r="CD29" s="527"/>
      <c r="CE29" s="527"/>
      <c r="CF29" s="527"/>
      <c r="CG29" s="527"/>
      <c r="CH29" s="527"/>
      <c r="CI29" s="527"/>
      <c r="CJ29" s="527"/>
      <c r="CK29" s="527"/>
      <c r="CL29" s="527"/>
      <c r="CM29" s="527"/>
      <c r="CN29" s="527"/>
      <c r="CO29" s="1010"/>
      <c r="CP29" s="996"/>
      <c r="CQ29" s="996"/>
      <c r="CR29" s="996"/>
      <c r="CS29" s="996"/>
      <c r="CT29" s="1012"/>
    </row>
    <row r="30" spans="1:105" s="2" customFormat="1" ht="15" customHeight="1" thickBot="1" x14ac:dyDescent="0.2">
      <c r="A30" s="3"/>
      <c r="B30" s="1093"/>
      <c r="C30" s="1094"/>
      <c r="D30" s="1104"/>
      <c r="E30" s="1105"/>
      <c r="F30" s="1105"/>
      <c r="G30" s="1106"/>
      <c r="H30" s="1080"/>
      <c r="I30" s="1081"/>
      <c r="J30" s="1081"/>
      <c r="K30" s="1081"/>
      <c r="L30" s="1082"/>
      <c r="M30" s="404"/>
      <c r="N30" s="405"/>
      <c r="O30" s="405"/>
      <c r="P30" s="405"/>
      <c r="Q30" s="405"/>
      <c r="R30" s="405"/>
      <c r="S30" s="405"/>
      <c r="T30" s="405"/>
      <c r="U30" s="405"/>
      <c r="V30" s="405"/>
      <c r="W30" s="997"/>
      <c r="X30" s="998"/>
      <c r="Y30" s="1001"/>
      <c r="Z30" s="1001"/>
      <c r="AA30" s="1001"/>
      <c r="AB30" s="1001"/>
      <c r="AC30" s="998"/>
      <c r="AD30" s="998"/>
      <c r="AE30" s="1074"/>
      <c r="AF30" s="1074"/>
      <c r="AG30" s="1074"/>
      <c r="AH30" s="1074"/>
      <c r="AI30" s="1074"/>
      <c r="AJ30" s="1074"/>
      <c r="AK30" s="1074"/>
      <c r="AL30" s="1074"/>
      <c r="AM30" s="1074"/>
      <c r="AN30" s="1074"/>
      <c r="AO30" s="1074"/>
      <c r="AP30" s="1074"/>
      <c r="AQ30" s="997"/>
      <c r="AR30" s="998"/>
      <c r="AS30" s="1036"/>
      <c r="AT30" s="1037"/>
      <c r="AU30" s="998"/>
      <c r="AV30" s="1045"/>
      <c r="AW30" s="1113"/>
      <c r="AX30" s="1114"/>
      <c r="AY30" s="1114"/>
      <c r="AZ30" s="1114"/>
      <c r="BA30" s="1114"/>
      <c r="BB30" s="1114"/>
      <c r="BC30" s="1115"/>
      <c r="BD30" s="1031"/>
      <c r="BE30" s="1001"/>
      <c r="BF30" s="1001"/>
      <c r="BG30" s="1001"/>
      <c r="BH30" s="1001"/>
      <c r="BI30" s="1001"/>
      <c r="BJ30" s="1001"/>
      <c r="BK30" s="1001"/>
      <c r="BL30" s="1001"/>
      <c r="BM30" s="1001"/>
      <c r="BN30" s="1001"/>
      <c r="BO30" s="1001"/>
      <c r="BP30" s="1001"/>
      <c r="BQ30" s="1142"/>
      <c r="BR30" s="987"/>
      <c r="BS30" s="988"/>
      <c r="BT30" s="988"/>
      <c r="BU30" s="988"/>
      <c r="BV30" s="988"/>
      <c r="BW30" s="988"/>
      <c r="BX30" s="988"/>
      <c r="BY30" s="989"/>
      <c r="BZ30" s="528"/>
      <c r="CA30" s="529"/>
      <c r="CB30" s="529"/>
      <c r="CC30" s="529"/>
      <c r="CD30" s="529"/>
      <c r="CE30" s="529"/>
      <c r="CF30" s="529"/>
      <c r="CG30" s="529"/>
      <c r="CH30" s="529"/>
      <c r="CI30" s="529"/>
      <c r="CJ30" s="529"/>
      <c r="CK30" s="529"/>
      <c r="CL30" s="529"/>
      <c r="CM30" s="529"/>
      <c r="CN30" s="529"/>
      <c r="CO30" s="1011"/>
      <c r="CP30" s="998"/>
      <c r="CQ30" s="998"/>
      <c r="CR30" s="998"/>
      <c r="CS30" s="998"/>
      <c r="CT30" s="1013"/>
    </row>
    <row r="31" spans="1:105" s="2" customFormat="1" ht="60" customHeight="1" thickBot="1" x14ac:dyDescent="0.2">
      <c r="A31" s="3"/>
      <c r="B31" s="95" t="s">
        <v>109</v>
      </c>
      <c r="C31" s="990"/>
      <c r="D31" s="991"/>
      <c r="E31" s="991"/>
      <c r="F31" s="991"/>
      <c r="G31" s="991"/>
      <c r="H31" s="991"/>
      <c r="I31" s="991"/>
      <c r="J31" s="991"/>
      <c r="K31" s="991"/>
      <c r="L31" s="991"/>
      <c r="M31" s="991"/>
      <c r="N31" s="991"/>
      <c r="O31" s="991"/>
      <c r="P31" s="991"/>
      <c r="Q31" s="991"/>
      <c r="R31" s="991"/>
      <c r="S31" s="991"/>
      <c r="T31" s="991"/>
      <c r="U31" s="991"/>
      <c r="V31" s="991"/>
      <c r="W31" s="991"/>
      <c r="X31" s="991"/>
      <c r="Y31" s="991"/>
      <c r="Z31" s="991"/>
      <c r="AA31" s="991"/>
      <c r="AB31" s="991"/>
      <c r="AC31" s="991"/>
      <c r="AD31" s="991"/>
      <c r="AE31" s="991"/>
      <c r="AF31" s="991"/>
      <c r="AG31" s="991"/>
      <c r="AH31" s="991"/>
      <c r="AI31" s="991"/>
      <c r="AJ31" s="991"/>
      <c r="AK31" s="991"/>
      <c r="AL31" s="991"/>
      <c r="AM31" s="991"/>
      <c r="AN31" s="991"/>
      <c r="AO31" s="991"/>
      <c r="AP31" s="991"/>
      <c r="AQ31" s="991"/>
      <c r="AR31" s="991"/>
      <c r="AS31" s="991"/>
      <c r="AT31" s="991"/>
      <c r="AU31" s="991"/>
      <c r="AV31" s="991"/>
      <c r="AW31" s="991"/>
      <c r="AX31" s="991"/>
      <c r="AY31" s="991"/>
      <c r="AZ31" s="991"/>
      <c r="BA31" s="991"/>
      <c r="BB31" s="991"/>
      <c r="BC31" s="991"/>
      <c r="BD31" s="991"/>
      <c r="BE31" s="991"/>
      <c r="BF31" s="991"/>
      <c r="BG31" s="991"/>
      <c r="BH31" s="991"/>
      <c r="BI31" s="991"/>
      <c r="BJ31" s="991"/>
      <c r="BK31" s="991"/>
      <c r="BL31" s="991"/>
      <c r="BM31" s="991"/>
      <c r="BN31" s="991"/>
      <c r="BO31" s="991"/>
      <c r="BP31" s="991"/>
      <c r="BQ31" s="991"/>
      <c r="BR31" s="991"/>
      <c r="BS31" s="991"/>
      <c r="BT31" s="991"/>
      <c r="BU31" s="991"/>
      <c r="BV31" s="991"/>
      <c r="BW31" s="991"/>
      <c r="BX31" s="991"/>
      <c r="BY31" s="991"/>
      <c r="BZ31" s="991"/>
      <c r="CA31" s="991"/>
      <c r="CB31" s="991"/>
      <c r="CC31" s="991"/>
      <c r="CD31" s="991"/>
      <c r="CE31" s="991"/>
      <c r="CF31" s="991"/>
      <c r="CG31" s="991"/>
      <c r="CH31" s="991"/>
      <c r="CI31" s="991"/>
      <c r="CJ31" s="991"/>
      <c r="CK31" s="991"/>
      <c r="CL31" s="991"/>
      <c r="CM31" s="991"/>
      <c r="CN31" s="991"/>
      <c r="CO31" s="991"/>
      <c r="CP31" s="991"/>
      <c r="CQ31" s="991"/>
      <c r="CR31" s="991"/>
      <c r="CS31" s="991"/>
      <c r="CT31" s="992"/>
    </row>
    <row r="32" spans="1:105" s="2" customFormat="1" ht="15" customHeight="1" thickTop="1" thickBot="1" x14ac:dyDescent="0.2">
      <c r="A32" s="3"/>
      <c r="B32" s="1146"/>
      <c r="C32" s="1146"/>
      <c r="D32" s="1146"/>
      <c r="E32" s="1146"/>
      <c r="F32" s="1146"/>
      <c r="G32" s="1146"/>
      <c r="H32" s="1146"/>
      <c r="I32" s="1146"/>
      <c r="J32" s="1146"/>
      <c r="K32" s="1146"/>
      <c r="L32" s="1146"/>
      <c r="M32" s="1146"/>
      <c r="N32" s="1146"/>
      <c r="O32" s="1146"/>
      <c r="P32" s="1146"/>
      <c r="Q32" s="1146"/>
      <c r="R32" s="1146"/>
      <c r="S32" s="1146"/>
      <c r="T32" s="1146"/>
      <c r="U32" s="1146"/>
      <c r="V32" s="1146"/>
      <c r="W32" s="1146"/>
      <c r="X32" s="1146"/>
      <c r="Y32" s="1146"/>
      <c r="Z32" s="1146"/>
      <c r="AA32" s="1146"/>
      <c r="AB32" s="1146"/>
      <c r="AC32" s="1146"/>
      <c r="AD32" s="1146"/>
      <c r="AE32" s="1146"/>
      <c r="AF32" s="1146"/>
      <c r="AG32" s="1146"/>
      <c r="AH32" s="1146"/>
      <c r="AI32" s="1146"/>
      <c r="AJ32" s="1146"/>
      <c r="AK32" s="1146"/>
      <c r="AL32" s="1146"/>
      <c r="AM32" s="1146"/>
      <c r="AN32" s="1146"/>
      <c r="AO32" s="1146"/>
      <c r="AP32" s="1146"/>
      <c r="AQ32" s="1146"/>
      <c r="AR32" s="1146"/>
      <c r="AS32" s="1146"/>
      <c r="AT32" s="1146"/>
      <c r="AU32" s="1146"/>
      <c r="AV32" s="1146"/>
      <c r="AW32" s="1146"/>
      <c r="AX32" s="1146"/>
      <c r="AY32" s="1146"/>
      <c r="AZ32" s="1146"/>
      <c r="BA32" s="1146"/>
      <c r="BB32" s="1146"/>
      <c r="BC32" s="1146"/>
      <c r="BD32" s="1146"/>
      <c r="BE32" s="1146"/>
      <c r="BF32" s="1146"/>
      <c r="BG32" s="1146"/>
      <c r="BH32" s="1146"/>
      <c r="BI32" s="1146"/>
      <c r="BJ32" s="1146"/>
      <c r="BK32" s="1146"/>
      <c r="BL32" s="1146"/>
      <c r="BM32" s="1146"/>
      <c r="BN32" s="1146"/>
      <c r="BO32" s="1146"/>
      <c r="BP32" s="1146"/>
      <c r="BQ32" s="1146"/>
      <c r="BR32" s="1146"/>
      <c r="BS32" s="1146"/>
      <c r="BT32" s="1146"/>
      <c r="BU32" s="1146"/>
      <c r="BV32" s="1146"/>
      <c r="BW32" s="1146"/>
      <c r="BX32" s="1146"/>
      <c r="BY32" s="1146"/>
      <c r="BZ32" s="1146"/>
      <c r="CA32" s="1146"/>
      <c r="CB32" s="1146"/>
      <c r="CC32" s="1146"/>
      <c r="CD32" s="1146"/>
      <c r="CE32" s="1146"/>
      <c r="CF32" s="1146"/>
      <c r="CG32" s="1146"/>
      <c r="CH32" s="1146"/>
      <c r="CI32" s="1146"/>
      <c r="CJ32" s="1146"/>
      <c r="CK32" s="1146"/>
      <c r="CL32" s="1146"/>
      <c r="CM32" s="1146"/>
      <c r="CN32" s="1146"/>
      <c r="CO32" s="1146"/>
      <c r="CP32" s="1146"/>
      <c r="CQ32" s="1146"/>
      <c r="CR32" s="1146"/>
      <c r="CS32" s="1146"/>
      <c r="CT32" s="1146"/>
    </row>
    <row r="33" spans="1:98" s="2" customFormat="1" ht="15" customHeight="1" thickTop="1" x14ac:dyDescent="0.15">
      <c r="A33" s="3"/>
      <c r="B33" s="97"/>
      <c r="C33" s="98"/>
      <c r="D33" s="98"/>
      <c r="E33" s="98"/>
      <c r="F33" s="98"/>
      <c r="G33" s="98"/>
      <c r="H33" s="98"/>
      <c r="I33" s="98"/>
      <c r="J33" s="98"/>
      <c r="K33" s="98"/>
      <c r="L33" s="98"/>
      <c r="M33" s="98"/>
      <c r="N33" s="98"/>
      <c r="O33" s="98"/>
      <c r="P33" s="98"/>
      <c r="Q33" s="98"/>
      <c r="R33" s="98"/>
      <c r="S33" s="98"/>
      <c r="T33" s="98"/>
      <c r="U33" s="98"/>
      <c r="V33" s="98"/>
      <c r="W33" s="98"/>
      <c r="X33" s="98"/>
      <c r="Y33" s="98"/>
      <c r="Z33" s="98"/>
      <c r="AA33" s="98"/>
      <c r="AB33" s="98"/>
      <c r="AC33" s="98"/>
      <c r="AD33" s="98"/>
      <c r="AE33" s="98"/>
      <c r="AF33" s="98"/>
      <c r="AG33" s="98"/>
      <c r="AH33" s="98"/>
      <c r="AI33" s="98"/>
      <c r="AJ33" s="98"/>
      <c r="AK33" s="98"/>
      <c r="AL33" s="98"/>
      <c r="AM33" s="98"/>
      <c r="AN33" s="98"/>
      <c r="AO33" s="98"/>
      <c r="AP33" s="98"/>
      <c r="AQ33" s="98"/>
      <c r="AR33" s="98"/>
      <c r="AS33" s="98"/>
      <c r="AT33" s="98"/>
      <c r="AU33" s="98"/>
      <c r="AV33" s="98"/>
      <c r="AW33" s="98"/>
      <c r="AX33" s="98"/>
      <c r="AY33" s="98"/>
      <c r="AZ33" s="98"/>
      <c r="BA33" s="98"/>
      <c r="BB33" s="98"/>
      <c r="BC33" s="98"/>
      <c r="BD33" s="98"/>
      <c r="BE33" s="98"/>
      <c r="BF33" s="98"/>
      <c r="BG33" s="98"/>
      <c r="BH33" s="98"/>
      <c r="BI33" s="98"/>
      <c r="BJ33" s="98"/>
      <c r="BK33" s="98"/>
      <c r="BL33" s="98"/>
      <c r="BM33" s="98"/>
      <c r="BN33" s="98"/>
      <c r="BO33" s="98"/>
      <c r="BP33" s="98"/>
      <c r="BQ33" s="98"/>
      <c r="BR33" s="98"/>
      <c r="BS33" s="98"/>
      <c r="BT33" s="98"/>
      <c r="BU33" s="98"/>
      <c r="BV33" s="98"/>
      <c r="BW33" s="98"/>
      <c r="BX33" s="98"/>
      <c r="BY33" s="98"/>
      <c r="BZ33" s="98"/>
      <c r="CA33" s="98"/>
      <c r="CB33" s="98"/>
      <c r="CC33" s="98"/>
      <c r="CD33" s="98"/>
      <c r="CE33" s="98"/>
      <c r="CF33" s="98"/>
      <c r="CG33" s="98"/>
      <c r="CH33" s="98"/>
      <c r="CI33" s="98"/>
      <c r="CJ33" s="98"/>
      <c r="CK33" s="98"/>
      <c r="CL33" s="98"/>
      <c r="CM33" s="98"/>
      <c r="CN33" s="98"/>
      <c r="CO33" s="98"/>
      <c r="CP33" s="98"/>
      <c r="CQ33" s="98"/>
      <c r="CR33" s="98"/>
      <c r="CS33" s="98"/>
      <c r="CT33" s="99"/>
    </row>
    <row r="34" spans="1:98" s="64" customFormat="1" ht="21" customHeight="1" x14ac:dyDescent="0.2">
      <c r="A34" s="72"/>
      <c r="B34" s="78"/>
      <c r="C34" s="63"/>
      <c r="D34" s="73" t="s">
        <v>121</v>
      </c>
      <c r="E34" s="73"/>
      <c r="F34" s="76"/>
      <c r="G34" s="73"/>
      <c r="H34" s="73"/>
      <c r="I34" s="73"/>
      <c r="K34" s="73"/>
      <c r="L34" s="63"/>
      <c r="M34" s="73" t="s">
        <v>87</v>
      </c>
      <c r="N34" s="63"/>
      <c r="O34" s="63"/>
      <c r="P34" s="63"/>
      <c r="Q34" s="63"/>
      <c r="R34" s="63"/>
      <c r="S34" s="63"/>
      <c r="T34" s="63"/>
      <c r="U34" s="63"/>
      <c r="V34" s="63"/>
      <c r="W34" s="63"/>
      <c r="X34" s="63"/>
      <c r="Y34" s="63"/>
      <c r="Z34" s="63"/>
      <c r="AA34" s="63"/>
      <c r="AB34" s="63"/>
      <c r="AC34" s="63"/>
      <c r="AD34" s="63"/>
      <c r="AE34" s="63"/>
      <c r="AF34" s="63"/>
      <c r="AG34" s="63"/>
      <c r="AH34" s="63"/>
      <c r="AI34" s="63"/>
      <c r="AJ34" s="63"/>
      <c r="AK34" s="63"/>
      <c r="AL34" s="63"/>
      <c r="AM34" s="63"/>
      <c r="AN34" s="63"/>
      <c r="AO34" s="66"/>
      <c r="AP34" s="66"/>
      <c r="AQ34" s="66"/>
      <c r="AR34" s="66"/>
      <c r="AS34" s="66"/>
      <c r="CT34" s="79"/>
    </row>
    <row r="35" spans="1:98" s="64" customFormat="1" ht="21" customHeight="1" x14ac:dyDescent="0.2">
      <c r="A35" s="72"/>
      <c r="B35" s="78"/>
      <c r="C35" s="63"/>
      <c r="D35" s="73"/>
      <c r="E35" s="73"/>
      <c r="F35" s="76"/>
      <c r="G35" s="73"/>
      <c r="H35" s="73"/>
      <c r="I35" s="73"/>
      <c r="K35" s="73"/>
      <c r="L35" s="63"/>
      <c r="M35" s="73" t="s">
        <v>88</v>
      </c>
      <c r="N35" s="63"/>
      <c r="O35" s="63"/>
      <c r="P35" s="63"/>
      <c r="Q35" s="63"/>
      <c r="R35" s="63"/>
      <c r="S35" s="63"/>
      <c r="T35" s="63"/>
      <c r="U35" s="63"/>
      <c r="V35" s="63"/>
      <c r="W35" s="63"/>
      <c r="X35" s="63"/>
      <c r="Y35" s="63"/>
      <c r="Z35" s="63"/>
      <c r="AA35" s="63"/>
      <c r="AB35" s="63"/>
      <c r="AC35" s="63"/>
      <c r="AD35" s="63"/>
      <c r="AE35" s="63"/>
      <c r="AF35" s="63"/>
      <c r="AG35" s="63"/>
      <c r="AH35" s="63"/>
      <c r="AI35" s="63"/>
      <c r="AJ35" s="63"/>
      <c r="AK35" s="63"/>
      <c r="AL35" s="63"/>
      <c r="AM35" s="63"/>
      <c r="AN35" s="63"/>
      <c r="AO35" s="66"/>
      <c r="AP35" s="66"/>
      <c r="AQ35" s="66"/>
      <c r="AR35" s="66"/>
      <c r="AS35" s="66"/>
      <c r="CT35" s="79"/>
    </row>
    <row r="36" spans="1:98" s="2" customFormat="1" ht="21" customHeight="1" x14ac:dyDescent="0.15">
      <c r="A36" s="3"/>
      <c r="B36" s="58"/>
      <c r="C36" s="49"/>
      <c r="D36" s="49"/>
      <c r="E36" s="49"/>
      <c r="F36" s="49"/>
      <c r="G36" s="49"/>
      <c r="H36" s="49"/>
      <c r="I36" s="49"/>
      <c r="J36" s="49"/>
      <c r="K36" s="49"/>
      <c r="L36" s="49"/>
      <c r="M36" s="49"/>
      <c r="N36" s="49"/>
      <c r="O36" s="49"/>
      <c r="P36" s="49"/>
      <c r="Q36" s="49"/>
      <c r="R36" s="49"/>
      <c r="S36" s="49"/>
      <c r="T36" s="49"/>
      <c r="U36" s="49"/>
      <c r="V36" s="49"/>
      <c r="W36" s="49"/>
      <c r="X36" s="49"/>
      <c r="Y36" s="49"/>
      <c r="Z36" s="49"/>
      <c r="AA36" s="49"/>
      <c r="AB36" s="49"/>
      <c r="AC36" s="49"/>
      <c r="AD36" s="49"/>
      <c r="AE36" s="49"/>
      <c r="AF36" s="49"/>
      <c r="AG36" s="49"/>
      <c r="AH36" s="49"/>
      <c r="AI36" s="49"/>
      <c r="AJ36" s="49"/>
      <c r="AK36" s="49"/>
      <c r="AL36" s="49"/>
      <c r="AM36" s="49"/>
      <c r="AN36" s="49"/>
      <c r="AO36" s="50"/>
      <c r="AP36" s="50"/>
      <c r="AQ36" s="50"/>
      <c r="AR36" s="50"/>
      <c r="AS36" s="50"/>
      <c r="AT36" s="51"/>
      <c r="AU36" s="51"/>
      <c r="AV36" s="51"/>
      <c r="AW36" s="51"/>
      <c r="AX36" s="51"/>
      <c r="AY36" s="51"/>
      <c r="AZ36" s="51"/>
      <c r="BA36" s="51"/>
      <c r="BB36" s="51"/>
      <c r="BC36" s="51"/>
      <c r="BD36" s="51"/>
      <c r="BE36" s="51"/>
      <c r="BF36" s="51"/>
      <c r="BG36" s="51"/>
      <c r="BH36" s="51"/>
      <c r="BI36" s="51"/>
      <c r="BJ36" s="51"/>
      <c r="BK36" s="51"/>
      <c r="BL36" s="51"/>
      <c r="BM36" s="51"/>
      <c r="BN36" s="51"/>
      <c r="BO36" s="51"/>
      <c r="BP36" s="51"/>
      <c r="BQ36" s="51"/>
      <c r="BR36" s="51"/>
      <c r="BS36" s="51"/>
      <c r="BT36" s="51"/>
      <c r="BU36" s="51"/>
      <c r="BV36" s="51"/>
      <c r="BW36" s="51"/>
      <c r="BX36" s="51"/>
      <c r="BY36" s="51"/>
      <c r="BZ36" s="51"/>
      <c r="CA36" s="51"/>
      <c r="CB36" s="51"/>
      <c r="CC36" s="51"/>
      <c r="CD36" s="51"/>
      <c r="CE36" s="51"/>
      <c r="CF36" s="51"/>
      <c r="CG36" s="51"/>
      <c r="CH36" s="51"/>
      <c r="CI36" s="51"/>
      <c r="CJ36" s="51"/>
      <c r="CK36" s="51"/>
      <c r="CL36" s="51"/>
      <c r="CM36" s="51"/>
      <c r="CN36" s="51"/>
      <c r="CO36" s="51"/>
      <c r="CP36" s="51"/>
      <c r="CQ36" s="51"/>
      <c r="CR36" s="51"/>
      <c r="CS36" s="51"/>
      <c r="CT36" s="59"/>
    </row>
    <row r="37" spans="1:98" s="2" customFormat="1" ht="21" customHeight="1" x14ac:dyDescent="0.15">
      <c r="A37" s="3"/>
      <c r="B37" s="84" t="s">
        <v>89</v>
      </c>
      <c r="C37" s="49"/>
      <c r="D37" s="49"/>
      <c r="E37" s="49"/>
      <c r="F37" s="49"/>
      <c r="G37" s="49"/>
      <c r="H37" s="49"/>
      <c r="I37" s="49"/>
      <c r="J37" s="49"/>
      <c r="K37" s="49"/>
      <c r="L37" s="49"/>
      <c r="M37" s="49"/>
      <c r="N37" s="49"/>
      <c r="O37" s="49"/>
      <c r="P37" s="49"/>
      <c r="Q37" s="49"/>
      <c r="R37" s="49"/>
      <c r="S37" s="49"/>
      <c r="T37" s="49"/>
      <c r="U37" s="49"/>
      <c r="V37" s="49"/>
      <c r="W37" s="49"/>
      <c r="X37" s="49"/>
      <c r="Y37" s="49"/>
      <c r="Z37" s="49"/>
      <c r="AA37" s="49"/>
      <c r="AB37" s="49"/>
      <c r="AC37" s="49"/>
      <c r="AD37" s="49"/>
      <c r="AE37" s="49"/>
      <c r="AF37" s="49"/>
      <c r="AG37" s="49"/>
      <c r="AH37" s="49"/>
      <c r="AI37" s="49"/>
      <c r="AJ37" s="49"/>
      <c r="AK37" s="49"/>
      <c r="AL37" s="49"/>
      <c r="AM37" s="49"/>
      <c r="AN37" s="49"/>
      <c r="AO37" s="50"/>
      <c r="AP37" s="50"/>
      <c r="AQ37" s="50"/>
      <c r="AR37" s="50"/>
      <c r="AS37" s="50"/>
      <c r="AT37" s="54"/>
      <c r="AU37" s="54"/>
      <c r="AV37" s="54"/>
      <c r="AW37" s="54"/>
      <c r="AX37" s="54"/>
      <c r="AY37" s="1156"/>
      <c r="AZ37" s="1156"/>
      <c r="BA37" s="1156"/>
      <c r="BB37" s="1156"/>
      <c r="BC37" s="1156"/>
      <c r="BD37" s="1156"/>
      <c r="BE37" s="1156"/>
      <c r="BF37" s="1156"/>
      <c r="BG37" s="1156"/>
      <c r="BH37" s="1156"/>
      <c r="BI37" s="1156"/>
      <c r="BJ37" s="1156"/>
      <c r="BK37" s="1156"/>
      <c r="BL37" s="1156"/>
      <c r="BM37" s="1156"/>
      <c r="BN37" s="1156"/>
      <c r="BO37" s="1156"/>
      <c r="BP37" s="1156"/>
      <c r="BQ37" s="1156"/>
      <c r="BR37" s="1156"/>
      <c r="BS37" s="1156"/>
      <c r="BT37" s="1156"/>
      <c r="BU37" s="1156"/>
      <c r="BV37" s="1156"/>
      <c r="BW37" s="1156"/>
      <c r="BX37" s="1156"/>
      <c r="BY37" s="1156"/>
      <c r="BZ37" s="1156"/>
      <c r="CA37" s="1156"/>
      <c r="CB37" s="1156"/>
      <c r="CC37" s="1156"/>
      <c r="CD37" s="1156"/>
      <c r="CE37" s="1156"/>
      <c r="CF37" s="1156"/>
      <c r="CG37" s="1156"/>
      <c r="CH37" s="1156"/>
      <c r="CI37" s="1156"/>
      <c r="CJ37" s="1156"/>
      <c r="CK37" s="1156"/>
      <c r="CL37" s="1156"/>
      <c r="CM37" s="1156"/>
      <c r="CN37" s="1156"/>
      <c r="CO37" s="1156"/>
      <c r="CP37" s="1156"/>
      <c r="CQ37" s="1156"/>
      <c r="CR37" s="1156"/>
      <c r="CS37" s="1156"/>
      <c r="CT37" s="59"/>
    </row>
    <row r="38" spans="1:98" s="2" customFormat="1" ht="21" customHeight="1" x14ac:dyDescent="0.15">
      <c r="A38" s="3"/>
      <c r="B38" s="84" t="s">
        <v>82</v>
      </c>
      <c r="C38" s="49"/>
      <c r="D38" s="49"/>
      <c r="E38" s="49"/>
      <c r="F38" s="49"/>
      <c r="G38" s="49"/>
      <c r="H38" s="49"/>
      <c r="I38" s="49"/>
      <c r="J38" s="49"/>
      <c r="K38" s="49"/>
      <c r="L38" s="49"/>
      <c r="M38" s="49"/>
      <c r="N38" s="49"/>
      <c r="O38" s="49"/>
      <c r="P38" s="49"/>
      <c r="Q38" s="49"/>
      <c r="R38" s="49"/>
      <c r="S38" s="49"/>
      <c r="T38" s="49"/>
      <c r="U38" s="49"/>
      <c r="V38" s="49"/>
      <c r="W38" s="49"/>
      <c r="X38" s="49"/>
      <c r="Y38" s="49"/>
      <c r="Z38" s="49"/>
      <c r="AA38" s="49"/>
      <c r="AB38" s="49"/>
      <c r="AC38" s="49"/>
      <c r="AD38" s="49"/>
      <c r="AE38" s="49"/>
      <c r="AF38" s="49"/>
      <c r="AG38" s="49"/>
      <c r="AH38" s="49"/>
      <c r="AI38" s="49"/>
      <c r="AJ38" s="49"/>
      <c r="AK38" s="49"/>
      <c r="AL38" s="49"/>
      <c r="AM38" s="49"/>
      <c r="AN38" s="49"/>
      <c r="AO38" s="50"/>
      <c r="AP38" s="50"/>
      <c r="AQ38" s="50"/>
      <c r="AR38" s="50"/>
      <c r="AS38" s="50"/>
      <c r="AT38" s="54"/>
      <c r="AU38" s="54"/>
      <c r="AV38" s="54"/>
      <c r="AW38" s="54"/>
      <c r="AX38" s="54"/>
      <c r="AY38" s="1156"/>
      <c r="AZ38" s="1156"/>
      <c r="BA38" s="1156"/>
      <c r="BB38" s="1156"/>
      <c r="BC38" s="1156"/>
      <c r="BD38" s="1156"/>
      <c r="BE38" s="1156"/>
      <c r="BF38" s="1156"/>
      <c r="BG38" s="1156"/>
      <c r="BH38" s="1156"/>
      <c r="BI38" s="1156"/>
      <c r="BJ38" s="1156"/>
      <c r="BK38" s="1156"/>
      <c r="BL38" s="1156"/>
      <c r="BM38" s="1156"/>
      <c r="BN38" s="1156"/>
      <c r="BO38" s="1156"/>
      <c r="BP38" s="1156"/>
      <c r="BQ38" s="1156"/>
      <c r="BR38" s="1156"/>
      <c r="BS38" s="1156"/>
      <c r="BT38" s="1156"/>
      <c r="BU38" s="1156"/>
      <c r="BV38" s="1156"/>
      <c r="BW38" s="1156"/>
      <c r="BX38" s="1156"/>
      <c r="BY38" s="1156"/>
      <c r="BZ38" s="1156"/>
      <c r="CA38" s="1156"/>
      <c r="CB38" s="1156"/>
      <c r="CC38" s="1156"/>
      <c r="CD38" s="1156"/>
      <c r="CE38" s="1156"/>
      <c r="CF38" s="1156"/>
      <c r="CG38" s="1156"/>
      <c r="CH38" s="1156"/>
      <c r="CI38" s="1156"/>
      <c r="CJ38" s="1156"/>
      <c r="CK38" s="1156"/>
      <c r="CL38" s="1156"/>
      <c r="CM38" s="1156"/>
      <c r="CN38" s="1156"/>
      <c r="CO38" s="1156"/>
      <c r="CP38" s="1156"/>
      <c r="CQ38" s="1156"/>
      <c r="CR38" s="1156"/>
      <c r="CS38" s="1156"/>
      <c r="CT38" s="59"/>
    </row>
    <row r="39" spans="1:98" s="2" customFormat="1" ht="21" customHeight="1" x14ac:dyDescent="0.15">
      <c r="A39" s="3"/>
      <c r="B39" s="58"/>
      <c r="C39" s="49"/>
      <c r="D39" s="49"/>
      <c r="E39" s="85" t="s">
        <v>15</v>
      </c>
      <c r="F39" s="85"/>
      <c r="G39" s="85"/>
      <c r="H39" s="85"/>
      <c r="I39" s="85"/>
      <c r="J39" s="85"/>
      <c r="K39" s="85"/>
      <c r="L39" s="49"/>
      <c r="M39" s="49"/>
      <c r="N39" s="49"/>
      <c r="O39" s="49"/>
      <c r="P39" s="49"/>
      <c r="Q39" s="49"/>
      <c r="R39" s="49"/>
      <c r="S39" s="49"/>
      <c r="T39" s="49"/>
      <c r="U39" s="49"/>
      <c r="V39" s="49"/>
      <c r="W39" s="49"/>
      <c r="X39" s="49"/>
      <c r="Y39" s="49"/>
      <c r="Z39" s="49"/>
      <c r="AA39" s="49"/>
      <c r="AB39" s="49"/>
      <c r="AC39" s="49"/>
      <c r="AD39" s="49"/>
      <c r="AE39" s="49"/>
      <c r="AF39" s="49"/>
      <c r="AG39" s="49"/>
      <c r="AH39" s="49"/>
      <c r="AI39" s="49"/>
      <c r="AJ39" s="49"/>
      <c r="AK39" s="49"/>
      <c r="AL39" s="49"/>
      <c r="AM39" s="49"/>
      <c r="AN39" s="49"/>
      <c r="AO39" s="50"/>
      <c r="AP39" s="50"/>
      <c r="AQ39" s="50"/>
      <c r="AR39" s="50"/>
      <c r="AS39" s="50"/>
      <c r="AT39" s="51"/>
      <c r="AU39" s="51"/>
      <c r="AV39" s="51"/>
      <c r="AW39" s="51"/>
      <c r="AX39" s="51"/>
      <c r="AY39" s="51"/>
      <c r="AZ39" s="51"/>
      <c r="BA39" s="51"/>
      <c r="BB39" s="51"/>
      <c r="BC39" s="51"/>
      <c r="BD39" s="51"/>
      <c r="BE39" s="51"/>
      <c r="BF39" s="51"/>
      <c r="BG39" s="51"/>
      <c r="BH39" s="51"/>
      <c r="BI39" s="51"/>
      <c r="BJ39" s="51"/>
      <c r="BK39" s="51"/>
      <c r="BL39" s="51"/>
      <c r="BM39" s="51"/>
      <c r="BN39" s="51"/>
      <c r="BO39" s="51"/>
      <c r="BP39" s="51"/>
      <c r="BQ39" s="51"/>
      <c r="BR39" s="51"/>
      <c r="BS39" s="51"/>
      <c r="BT39" s="51"/>
      <c r="BU39" s="51"/>
      <c r="BV39" s="51"/>
      <c r="BW39" s="51"/>
      <c r="BX39" s="51"/>
      <c r="BY39" s="51"/>
      <c r="BZ39" s="51"/>
      <c r="CA39" s="51"/>
      <c r="CB39" s="51"/>
      <c r="CC39" s="51"/>
      <c r="CD39" s="51"/>
      <c r="CE39" s="51"/>
      <c r="CF39" s="51"/>
      <c r="CG39" s="51"/>
      <c r="CH39" s="51"/>
      <c r="CI39" s="51"/>
      <c r="CJ39" s="51"/>
      <c r="CK39" s="51"/>
      <c r="CL39" s="51"/>
      <c r="CM39" s="51"/>
      <c r="CN39" s="51"/>
      <c r="CO39" s="51"/>
      <c r="CP39" s="51"/>
      <c r="CQ39" s="51"/>
      <c r="CR39" s="51"/>
      <c r="CS39" s="51"/>
      <c r="CT39" s="59"/>
    </row>
    <row r="40" spans="1:98" s="2" customFormat="1" ht="21" customHeight="1" x14ac:dyDescent="0.15">
      <c r="A40" s="3"/>
      <c r="B40" s="58"/>
      <c r="C40" s="49"/>
      <c r="D40" s="49"/>
      <c r="E40" s="85" t="s">
        <v>85</v>
      </c>
      <c r="F40" s="85"/>
      <c r="G40" s="85"/>
      <c r="H40" s="85"/>
      <c r="I40" s="85"/>
      <c r="J40" s="85"/>
      <c r="K40" s="85"/>
      <c r="L40" s="49"/>
      <c r="M40" s="49"/>
      <c r="N40" s="49"/>
      <c r="O40" s="49"/>
      <c r="Q40" s="49"/>
      <c r="R40" s="85" t="s">
        <v>13</v>
      </c>
      <c r="S40" s="49"/>
      <c r="T40" s="49"/>
      <c r="U40" s="49"/>
      <c r="V40" s="1158"/>
      <c r="W40" s="1158"/>
      <c r="X40" s="1158"/>
      <c r="Y40" s="1158"/>
      <c r="Z40" s="1158"/>
      <c r="AA40" s="49"/>
      <c r="AB40" s="49"/>
      <c r="AC40" s="51"/>
      <c r="AD40" s="51"/>
      <c r="AE40" s="51"/>
      <c r="AF40" s="51"/>
      <c r="AG40" s="51"/>
      <c r="AH40" s="51"/>
      <c r="AI40" s="51"/>
      <c r="AJ40" s="51"/>
      <c r="AK40" s="51"/>
      <c r="AL40" s="51"/>
      <c r="AM40" s="51"/>
      <c r="AN40" s="51"/>
      <c r="AO40" s="50"/>
      <c r="AP40" s="50"/>
      <c r="AQ40" s="50"/>
      <c r="AR40" s="50"/>
      <c r="AS40" s="50"/>
      <c r="AT40" s="51"/>
      <c r="AU40" s="1157"/>
      <c r="AV40" s="52"/>
      <c r="AW40" s="52"/>
      <c r="AX40" s="52"/>
      <c r="AY40" s="51"/>
      <c r="AZ40" s="51"/>
      <c r="BA40" s="51"/>
      <c r="BB40" s="51"/>
      <c r="BC40" s="51"/>
      <c r="BD40" s="51"/>
      <c r="BE40" s="51"/>
      <c r="BF40" s="51"/>
      <c r="BG40" s="51"/>
      <c r="BH40" s="51"/>
      <c r="BI40" s="51"/>
      <c r="BJ40" s="51"/>
      <c r="BK40" s="51"/>
      <c r="BL40" s="51"/>
      <c r="BM40" s="51"/>
      <c r="BN40" s="51"/>
      <c r="BO40" s="51"/>
      <c r="BP40" s="51"/>
      <c r="BQ40" s="51"/>
      <c r="BR40" s="51"/>
      <c r="BS40" s="51"/>
      <c r="BT40" s="51"/>
      <c r="BU40" s="51"/>
      <c r="BV40" s="51"/>
      <c r="BW40" s="51"/>
      <c r="BX40" s="51"/>
      <c r="BY40" s="51"/>
      <c r="BZ40" s="51"/>
      <c r="CA40" s="51"/>
      <c r="CB40" s="51"/>
      <c r="CC40" s="51"/>
      <c r="CD40" s="51"/>
      <c r="CE40" s="51"/>
      <c r="CF40" s="52"/>
      <c r="CG40" s="52"/>
      <c r="CH40" s="52"/>
      <c r="CI40" s="87" t="s">
        <v>79</v>
      </c>
      <c r="CJ40" s="87"/>
      <c r="CK40" s="51"/>
      <c r="CL40" s="55"/>
      <c r="CM40" s="51"/>
      <c r="CN40" s="51"/>
      <c r="CO40" s="51"/>
      <c r="CP40" s="53"/>
      <c r="CQ40" s="64"/>
      <c r="CR40" s="81"/>
      <c r="CS40" s="82"/>
      <c r="CT40" s="79"/>
    </row>
    <row r="41" spans="1:98" s="2" customFormat="1" ht="21" customHeight="1" x14ac:dyDescent="0.15">
      <c r="A41" s="3"/>
      <c r="B41" s="1154"/>
      <c r="C41" s="1155"/>
      <c r="D41" s="1155"/>
      <c r="E41" s="1159" t="s">
        <v>97</v>
      </c>
      <c r="F41" s="1159"/>
      <c r="G41" s="1159"/>
      <c r="H41" s="1159"/>
      <c r="I41" s="1159"/>
      <c r="J41" s="1159"/>
      <c r="K41" s="1159"/>
      <c r="L41" s="49"/>
      <c r="M41" s="49"/>
      <c r="N41" s="49"/>
      <c r="O41" s="49"/>
      <c r="P41" s="49"/>
      <c r="Q41" s="49"/>
      <c r="R41" s="49"/>
      <c r="S41" s="49"/>
      <c r="T41" s="49"/>
      <c r="U41" s="49"/>
      <c r="V41" s="1158"/>
      <c r="W41" s="1158"/>
      <c r="X41" s="1158"/>
      <c r="Y41" s="1158"/>
      <c r="Z41" s="1158"/>
      <c r="AA41" s="49"/>
      <c r="AB41" s="49"/>
      <c r="AC41" s="51"/>
      <c r="AD41" s="51"/>
      <c r="AE41" s="51"/>
      <c r="AF41" s="51"/>
      <c r="AG41" s="51"/>
      <c r="AH41" s="51"/>
      <c r="AI41" s="51"/>
      <c r="AJ41" s="51"/>
      <c r="AK41" s="51"/>
      <c r="AL41" s="51"/>
      <c r="AM41" s="51"/>
      <c r="AN41" s="51"/>
      <c r="AO41" s="50"/>
      <c r="AP41" s="50"/>
      <c r="AQ41" s="50"/>
      <c r="AR41" s="50"/>
      <c r="AS41" s="50"/>
      <c r="AT41" s="51"/>
      <c r="AU41" s="1157"/>
      <c r="AV41" s="52"/>
      <c r="AW41" s="52"/>
      <c r="AX41" s="52"/>
      <c r="AY41" s="51"/>
      <c r="AZ41" s="51"/>
      <c r="BA41" s="51"/>
      <c r="BB41" s="51"/>
      <c r="BC41" s="51"/>
      <c r="BD41" s="51"/>
      <c r="BE41" s="51"/>
      <c r="BF41" s="51"/>
      <c r="BG41" s="51"/>
      <c r="BH41" s="51"/>
      <c r="BI41" s="51"/>
      <c r="BJ41" s="51"/>
      <c r="BK41" s="51"/>
      <c r="BL41" s="51"/>
      <c r="BM41" s="51"/>
      <c r="BN41" s="51"/>
      <c r="BO41" s="51"/>
      <c r="BP41" s="51"/>
      <c r="BQ41" s="51"/>
      <c r="BR41" s="51"/>
      <c r="BS41" s="51"/>
      <c r="BT41" s="51"/>
      <c r="BU41" s="51"/>
      <c r="BV41" s="51"/>
      <c r="BW41" s="51"/>
      <c r="BX41" s="51"/>
      <c r="BY41" s="51"/>
      <c r="BZ41" s="51"/>
      <c r="CA41" s="51"/>
      <c r="CB41" s="51"/>
      <c r="CC41" s="51"/>
      <c r="CD41" s="51"/>
      <c r="CE41" s="51"/>
      <c r="CF41" s="52"/>
      <c r="CG41" s="52"/>
      <c r="CH41" s="52"/>
      <c r="CI41" s="88"/>
      <c r="CJ41" s="89"/>
      <c r="CK41" s="90"/>
      <c r="CL41" s="1160" t="s">
        <v>80</v>
      </c>
      <c r="CM41" s="1161"/>
      <c r="CN41" s="1166"/>
      <c r="CO41" s="1168"/>
      <c r="CP41" s="1169"/>
      <c r="CQ41" s="1170"/>
      <c r="CR41" s="1160" t="s">
        <v>81</v>
      </c>
      <c r="CS41" s="1161"/>
      <c r="CT41" s="1162"/>
    </row>
    <row r="42" spans="1:98" s="2" customFormat="1" ht="21" customHeight="1" thickBot="1" x14ac:dyDescent="0.25">
      <c r="A42" s="3"/>
      <c r="B42" s="60"/>
      <c r="C42" s="61"/>
      <c r="D42" s="61"/>
      <c r="E42" s="86" t="s">
        <v>73</v>
      </c>
      <c r="F42" s="86"/>
      <c r="G42" s="86"/>
      <c r="H42" s="86"/>
      <c r="I42" s="86"/>
      <c r="J42" s="86"/>
      <c r="K42" s="86"/>
      <c r="L42" s="61"/>
      <c r="M42" s="61"/>
      <c r="N42" s="61"/>
      <c r="O42" s="61"/>
      <c r="P42" s="61"/>
      <c r="Q42" s="61"/>
      <c r="R42" s="61"/>
      <c r="S42" s="61"/>
      <c r="T42" s="61"/>
      <c r="U42" s="61"/>
      <c r="V42" s="61"/>
      <c r="W42" s="86" t="s">
        <v>16</v>
      </c>
      <c r="X42" s="94"/>
      <c r="Y42" s="61"/>
      <c r="Z42" s="61"/>
      <c r="AA42" s="61"/>
      <c r="AB42" s="61"/>
      <c r="AC42" s="61"/>
      <c r="AD42" s="61"/>
      <c r="AE42" s="61"/>
      <c r="AF42" s="61"/>
      <c r="AG42" s="61"/>
      <c r="AH42" s="61"/>
      <c r="AI42" s="61"/>
      <c r="AJ42" s="61"/>
      <c r="AK42" s="61"/>
      <c r="AL42" s="61"/>
      <c r="AM42" s="61"/>
      <c r="AN42" s="61"/>
      <c r="AO42" s="61"/>
      <c r="AP42" s="61"/>
      <c r="AQ42" s="61"/>
      <c r="AR42" s="61"/>
      <c r="AS42" s="61"/>
      <c r="AT42" s="62"/>
      <c r="AU42" s="62"/>
      <c r="AV42" s="62"/>
      <c r="AW42" s="62"/>
      <c r="AX42" s="62"/>
      <c r="AY42" s="62"/>
      <c r="AZ42" s="62"/>
      <c r="BA42" s="62"/>
      <c r="BB42" s="62"/>
      <c r="BC42" s="62"/>
      <c r="BD42" s="62"/>
      <c r="BE42" s="62"/>
      <c r="BF42" s="62"/>
      <c r="BG42" s="62"/>
      <c r="BH42" s="62"/>
      <c r="BI42" s="62"/>
      <c r="BJ42" s="62"/>
      <c r="BK42" s="62"/>
      <c r="BL42" s="62"/>
      <c r="BM42" s="62"/>
      <c r="BN42" s="62"/>
      <c r="BO42" s="62"/>
      <c r="BP42" s="62"/>
      <c r="BQ42" s="62"/>
      <c r="BR42" s="62"/>
      <c r="BS42" s="62"/>
      <c r="BT42" s="62"/>
      <c r="BU42" s="62"/>
      <c r="BV42" s="62"/>
      <c r="BW42" s="62"/>
      <c r="BX42" s="62"/>
      <c r="BY42" s="62"/>
      <c r="BZ42" s="62"/>
      <c r="CA42" s="62"/>
      <c r="CB42" s="62"/>
      <c r="CC42" s="62"/>
      <c r="CD42" s="62"/>
      <c r="CE42" s="62"/>
      <c r="CF42" s="62"/>
      <c r="CG42" s="62"/>
      <c r="CH42" s="62"/>
      <c r="CI42" s="91"/>
      <c r="CJ42" s="92"/>
      <c r="CK42" s="93"/>
      <c r="CL42" s="1163"/>
      <c r="CM42" s="1164"/>
      <c r="CN42" s="1167"/>
      <c r="CO42" s="1171"/>
      <c r="CP42" s="1172"/>
      <c r="CQ42" s="1173"/>
      <c r="CR42" s="1163"/>
      <c r="CS42" s="1164"/>
      <c r="CT42" s="1165"/>
    </row>
    <row r="43" spans="1:98" s="2" customFormat="1" ht="12.75" customHeight="1" thickTop="1" x14ac:dyDescent="0.15">
      <c r="A43" s="3"/>
      <c r="B43" s="107"/>
      <c r="C43" s="63"/>
      <c r="D43" s="63"/>
      <c r="E43" s="63"/>
      <c r="F43" s="63"/>
      <c r="G43" s="63"/>
      <c r="H43" s="63"/>
      <c r="I43" s="63"/>
      <c r="J43" s="63"/>
      <c r="K43" s="63"/>
      <c r="L43" s="63"/>
      <c r="M43" s="63"/>
      <c r="N43" s="63"/>
      <c r="O43" s="63"/>
      <c r="P43" s="63"/>
      <c r="Q43" s="63"/>
      <c r="R43" s="63"/>
      <c r="S43" s="63"/>
      <c r="T43" s="63"/>
      <c r="U43" s="63"/>
      <c r="V43" s="63"/>
      <c r="W43" s="63"/>
      <c r="X43" s="64"/>
      <c r="Y43" s="63"/>
      <c r="Z43" s="63"/>
      <c r="AA43" s="63"/>
      <c r="AB43" s="63"/>
      <c r="AC43" s="63"/>
      <c r="AD43" s="63"/>
      <c r="AE43" s="63"/>
      <c r="AF43" s="63"/>
      <c r="AG43" s="63"/>
      <c r="AH43" s="63"/>
      <c r="AI43" s="63"/>
      <c r="AJ43" s="63"/>
      <c r="AK43" s="63"/>
      <c r="AL43" s="63"/>
      <c r="AM43" s="63"/>
      <c r="AN43" s="63"/>
      <c r="AO43" s="63"/>
      <c r="AP43" s="63"/>
      <c r="AQ43" s="63"/>
      <c r="AR43" s="63"/>
      <c r="AS43" s="63"/>
      <c r="AT43" s="64"/>
      <c r="AU43" s="64"/>
      <c r="AV43" s="64"/>
      <c r="AW43" s="64"/>
      <c r="AX43" s="64"/>
      <c r="AY43" s="64"/>
      <c r="AZ43" s="64"/>
      <c r="BA43" s="64"/>
      <c r="BB43" s="64"/>
      <c r="BC43" s="64"/>
      <c r="BD43" s="64"/>
      <c r="BE43" s="64"/>
      <c r="BF43" s="64"/>
      <c r="BG43" s="64"/>
      <c r="BH43" s="64"/>
      <c r="BI43" s="64"/>
      <c r="BJ43" s="64"/>
      <c r="BK43" s="64"/>
      <c r="BL43" s="64"/>
      <c r="BM43" s="64"/>
      <c r="BN43" s="64"/>
      <c r="BO43" s="64"/>
      <c r="BP43" s="64"/>
      <c r="BQ43" s="64"/>
      <c r="BR43" s="64"/>
      <c r="BS43" s="64"/>
      <c r="BT43" s="64"/>
      <c r="BU43" s="64"/>
      <c r="BV43" s="64"/>
      <c r="BW43" s="64"/>
      <c r="BX43" s="64"/>
      <c r="BY43" s="64"/>
      <c r="BZ43" s="64"/>
      <c r="CA43" s="64"/>
      <c r="CB43" s="64"/>
      <c r="CC43" s="64"/>
      <c r="CD43" s="64"/>
      <c r="CE43" s="64"/>
      <c r="CF43" s="64"/>
      <c r="CG43" s="64"/>
      <c r="CH43" s="64"/>
      <c r="CI43" s="64"/>
      <c r="CJ43" s="64"/>
      <c r="CK43" s="64"/>
      <c r="CL43" s="64"/>
      <c r="CM43" s="64"/>
      <c r="CN43" s="64"/>
      <c r="CO43" s="64"/>
      <c r="CP43" s="64"/>
      <c r="CQ43" s="64"/>
      <c r="CR43" s="64"/>
      <c r="CS43" s="64"/>
      <c r="CT43" s="64"/>
    </row>
    <row r="44" spans="1:98" s="71" customFormat="1" ht="21" customHeight="1" x14ac:dyDescent="0.2">
      <c r="B44" s="108" t="s">
        <v>22</v>
      </c>
      <c r="C44" s="101"/>
      <c r="D44" s="101"/>
    </row>
    <row r="45" spans="1:98" s="71" customFormat="1" ht="21" customHeight="1" x14ac:dyDescent="0.2">
      <c r="B45" s="108" t="s">
        <v>91</v>
      </c>
      <c r="C45" s="101"/>
      <c r="D45" s="101"/>
    </row>
    <row r="46" spans="1:98" s="71" customFormat="1" ht="21" customHeight="1" x14ac:dyDescent="0.2">
      <c r="B46" s="108"/>
      <c r="C46" s="101"/>
      <c r="D46" s="101"/>
    </row>
    <row r="47" spans="1:98" s="71" customFormat="1" ht="21" customHeight="1" x14ac:dyDescent="0.2">
      <c r="B47" s="108" t="s">
        <v>111</v>
      </c>
      <c r="C47" s="101"/>
      <c r="D47" s="101"/>
    </row>
    <row r="48" spans="1:98" s="71" customFormat="1" ht="21" customHeight="1" x14ac:dyDescent="0.2">
      <c r="B48" s="108"/>
      <c r="C48" s="101"/>
      <c r="D48" s="101"/>
    </row>
    <row r="49" spans="1:45" s="64" customFormat="1" ht="21" customHeight="1" x14ac:dyDescent="0.15">
      <c r="A49" s="72"/>
      <c r="B49" s="109" t="s">
        <v>110</v>
      </c>
      <c r="C49" s="102"/>
      <c r="D49" s="102"/>
      <c r="E49" s="65"/>
      <c r="F49" s="65"/>
      <c r="G49" s="65"/>
      <c r="H49" s="65"/>
      <c r="I49" s="65"/>
      <c r="J49" s="65"/>
      <c r="K49" s="65"/>
      <c r="L49" s="65"/>
      <c r="M49" s="65"/>
      <c r="N49" s="65"/>
      <c r="O49" s="65"/>
      <c r="P49" s="65"/>
      <c r="Q49" s="65"/>
      <c r="R49" s="65"/>
      <c r="S49" s="65"/>
      <c r="T49" s="65"/>
      <c r="U49" s="65"/>
      <c r="V49" s="65"/>
      <c r="W49" s="65"/>
      <c r="X49" s="65"/>
      <c r="Y49" s="65"/>
      <c r="Z49" s="65"/>
      <c r="AA49" s="65"/>
      <c r="AB49" s="65"/>
      <c r="AC49" s="65"/>
      <c r="AD49" s="65"/>
      <c r="AE49" s="65"/>
      <c r="AF49" s="65"/>
      <c r="AG49" s="65"/>
      <c r="AH49" s="65"/>
      <c r="AI49" s="65"/>
      <c r="AJ49" s="65"/>
      <c r="AK49" s="65"/>
      <c r="AL49" s="65"/>
      <c r="AM49" s="65"/>
      <c r="AN49" s="65"/>
      <c r="AO49" s="66"/>
      <c r="AP49" s="66"/>
      <c r="AQ49" s="66"/>
      <c r="AR49" s="66"/>
      <c r="AS49" s="66"/>
    </row>
    <row r="50" spans="1:45" s="64" customFormat="1" ht="21" customHeight="1" x14ac:dyDescent="0.15">
      <c r="A50" s="72"/>
      <c r="B50" s="109" t="s">
        <v>140</v>
      </c>
      <c r="C50" s="102"/>
      <c r="D50" s="102"/>
      <c r="E50" s="65"/>
      <c r="F50" s="65"/>
      <c r="G50" s="65"/>
      <c r="H50" s="65"/>
      <c r="I50" s="65"/>
      <c r="J50" s="65"/>
      <c r="K50" s="65"/>
      <c r="L50" s="65"/>
      <c r="M50" s="65"/>
      <c r="N50" s="65"/>
      <c r="O50" s="65"/>
      <c r="P50" s="65"/>
      <c r="Q50" s="65"/>
      <c r="R50" s="65"/>
      <c r="S50" s="65"/>
      <c r="T50" s="65"/>
      <c r="U50" s="65"/>
      <c r="V50" s="65"/>
      <c r="W50" s="65"/>
      <c r="X50" s="65"/>
      <c r="Y50" s="65"/>
      <c r="Z50" s="65"/>
      <c r="AA50" s="65"/>
      <c r="AB50" s="65"/>
      <c r="AC50" s="65"/>
      <c r="AD50" s="65"/>
      <c r="AE50" s="65"/>
      <c r="AF50" s="65"/>
      <c r="AG50" s="65"/>
      <c r="AH50" s="65"/>
      <c r="AI50" s="65"/>
      <c r="AJ50" s="65"/>
      <c r="AK50" s="65"/>
      <c r="AL50" s="65"/>
      <c r="AM50" s="65"/>
      <c r="AN50" s="65"/>
      <c r="AO50" s="66"/>
      <c r="AP50" s="66"/>
      <c r="AQ50" s="66"/>
      <c r="AR50" s="66"/>
      <c r="AS50" s="66"/>
    </row>
    <row r="51" spans="1:45" s="64" customFormat="1" ht="21" customHeight="1" x14ac:dyDescent="0.15">
      <c r="A51" s="72"/>
      <c r="B51" s="109" t="s">
        <v>141</v>
      </c>
      <c r="C51" s="102"/>
      <c r="D51" s="102"/>
      <c r="E51" s="65"/>
      <c r="F51" s="65"/>
      <c r="G51" s="65"/>
      <c r="H51" s="65"/>
      <c r="I51" s="65"/>
      <c r="J51" s="65"/>
      <c r="K51" s="65"/>
      <c r="L51" s="65"/>
      <c r="M51" s="65"/>
      <c r="N51" s="65"/>
      <c r="O51" s="65"/>
      <c r="P51" s="65"/>
      <c r="Q51" s="65"/>
      <c r="R51" s="65"/>
      <c r="S51" s="65"/>
      <c r="T51" s="65"/>
      <c r="U51" s="65"/>
      <c r="V51" s="65"/>
      <c r="W51" s="65"/>
      <c r="X51" s="65"/>
      <c r="Y51" s="65"/>
      <c r="Z51" s="65"/>
      <c r="AA51" s="65"/>
      <c r="AB51" s="65"/>
      <c r="AC51" s="65"/>
      <c r="AD51" s="65"/>
      <c r="AE51" s="65"/>
      <c r="AF51" s="65"/>
      <c r="AG51" s="65"/>
      <c r="AH51" s="65"/>
      <c r="AI51" s="65"/>
      <c r="AJ51" s="65"/>
      <c r="AK51" s="65"/>
      <c r="AL51" s="65"/>
      <c r="AM51" s="65"/>
      <c r="AN51" s="65"/>
      <c r="AO51" s="66"/>
      <c r="AP51" s="66"/>
      <c r="AQ51" s="66"/>
      <c r="AR51" s="66"/>
      <c r="AS51" s="66"/>
    </row>
    <row r="52" spans="1:45" s="64" customFormat="1" ht="21" customHeight="1" x14ac:dyDescent="0.15">
      <c r="A52" s="72"/>
      <c r="B52" s="109" t="s">
        <v>151</v>
      </c>
      <c r="C52" s="102"/>
      <c r="D52" s="102"/>
      <c r="E52" s="65"/>
      <c r="F52" s="65"/>
      <c r="G52" s="65"/>
      <c r="H52" s="65"/>
      <c r="I52" s="65"/>
      <c r="J52" s="65"/>
      <c r="K52" s="65"/>
      <c r="L52" s="65"/>
      <c r="M52" s="65"/>
      <c r="N52" s="65"/>
      <c r="O52" s="65"/>
      <c r="P52" s="65"/>
      <c r="Q52" s="65"/>
      <c r="R52" s="65"/>
      <c r="S52" s="65"/>
      <c r="T52" s="65"/>
      <c r="U52" s="65"/>
      <c r="V52" s="65"/>
      <c r="W52" s="65"/>
      <c r="X52" s="65"/>
      <c r="Y52" s="65"/>
      <c r="Z52" s="65"/>
      <c r="AA52" s="65"/>
      <c r="AB52" s="65"/>
      <c r="AC52" s="65"/>
      <c r="AD52" s="65"/>
      <c r="AE52" s="65"/>
      <c r="AF52" s="65"/>
      <c r="AG52" s="65"/>
      <c r="AH52" s="65"/>
      <c r="AI52" s="65"/>
      <c r="AJ52" s="65"/>
      <c r="AK52" s="65"/>
      <c r="AL52" s="65"/>
      <c r="AM52" s="65"/>
      <c r="AN52" s="65"/>
      <c r="AO52" s="66"/>
      <c r="AP52" s="66"/>
      <c r="AQ52" s="66"/>
      <c r="AR52" s="66"/>
      <c r="AS52" s="66"/>
    </row>
    <row r="53" spans="1:45" s="64" customFormat="1" ht="21" customHeight="1" x14ac:dyDescent="0.15">
      <c r="A53" s="72"/>
      <c r="B53" s="109" t="s">
        <v>152</v>
      </c>
      <c r="C53" s="102"/>
      <c r="D53" s="102"/>
      <c r="E53" s="65"/>
      <c r="F53" s="65"/>
      <c r="G53" s="65"/>
      <c r="H53" s="65"/>
      <c r="I53" s="65"/>
      <c r="J53" s="65"/>
      <c r="K53" s="65"/>
      <c r="L53" s="65"/>
      <c r="M53" s="65"/>
      <c r="N53" s="65"/>
      <c r="O53" s="65"/>
      <c r="P53" s="65"/>
      <c r="Q53" s="65"/>
      <c r="R53" s="65"/>
      <c r="S53" s="65"/>
      <c r="T53" s="65"/>
      <c r="U53" s="65"/>
      <c r="V53" s="65"/>
      <c r="W53" s="65"/>
      <c r="X53" s="65"/>
      <c r="Y53" s="65"/>
      <c r="Z53" s="65"/>
      <c r="AA53" s="65"/>
      <c r="AB53" s="65"/>
      <c r="AC53" s="65"/>
      <c r="AD53" s="65"/>
      <c r="AE53" s="65"/>
      <c r="AF53" s="65"/>
      <c r="AG53" s="65"/>
      <c r="AH53" s="65"/>
      <c r="AI53" s="65"/>
      <c r="AJ53" s="65"/>
      <c r="AK53" s="65"/>
      <c r="AL53" s="65"/>
      <c r="AM53" s="65"/>
      <c r="AN53" s="65"/>
      <c r="AO53" s="66"/>
      <c r="AP53" s="66"/>
      <c r="AQ53" s="66"/>
      <c r="AR53" s="66"/>
      <c r="AS53" s="66"/>
    </row>
    <row r="54" spans="1:45" s="64" customFormat="1" ht="21" customHeight="1" x14ac:dyDescent="0.15">
      <c r="A54" s="72"/>
      <c r="B54" s="109" t="s">
        <v>142</v>
      </c>
      <c r="C54" s="102"/>
      <c r="D54" s="102"/>
      <c r="E54" s="65"/>
      <c r="F54" s="65"/>
      <c r="G54" s="65"/>
      <c r="H54" s="65"/>
      <c r="I54" s="65"/>
      <c r="J54" s="65"/>
      <c r="K54" s="65"/>
      <c r="L54" s="65"/>
      <c r="M54" s="65"/>
      <c r="N54" s="65"/>
      <c r="O54" s="65"/>
      <c r="P54" s="65"/>
      <c r="Q54" s="65"/>
      <c r="R54" s="65"/>
      <c r="S54" s="65"/>
      <c r="T54" s="65"/>
      <c r="U54" s="65"/>
      <c r="V54" s="65"/>
      <c r="W54" s="65"/>
      <c r="X54" s="65"/>
      <c r="Y54" s="65"/>
      <c r="Z54" s="65"/>
      <c r="AA54" s="65"/>
      <c r="AB54" s="65"/>
      <c r="AC54" s="65"/>
      <c r="AD54" s="65"/>
      <c r="AE54" s="65"/>
      <c r="AF54" s="65"/>
      <c r="AG54" s="65"/>
      <c r="AH54" s="65"/>
      <c r="AI54" s="65"/>
      <c r="AJ54" s="65"/>
      <c r="AK54" s="65"/>
      <c r="AL54" s="65"/>
      <c r="AM54" s="65"/>
      <c r="AN54" s="65"/>
      <c r="AO54" s="66"/>
      <c r="AP54" s="66"/>
      <c r="AQ54" s="66"/>
      <c r="AR54" s="66"/>
      <c r="AS54" s="66"/>
    </row>
    <row r="55" spans="1:45" s="64" customFormat="1" ht="21" customHeight="1" x14ac:dyDescent="0.2">
      <c r="A55" s="72"/>
      <c r="B55" s="109" t="s">
        <v>143</v>
      </c>
      <c r="C55" s="102"/>
      <c r="D55" s="103"/>
      <c r="E55" s="65"/>
      <c r="F55" s="65"/>
      <c r="G55" s="65"/>
      <c r="H55" s="65"/>
      <c r="I55" s="65"/>
      <c r="J55" s="65"/>
      <c r="K55" s="65"/>
      <c r="L55" s="65"/>
      <c r="M55" s="65"/>
      <c r="N55" s="65"/>
      <c r="O55" s="65"/>
      <c r="P55" s="65"/>
      <c r="Q55" s="65"/>
      <c r="R55" s="65"/>
      <c r="S55" s="65"/>
      <c r="T55" s="65"/>
      <c r="U55" s="65"/>
      <c r="V55" s="65"/>
      <c r="W55" s="65"/>
      <c r="X55" s="65"/>
      <c r="Y55" s="65"/>
      <c r="Z55" s="65"/>
      <c r="AA55" s="65"/>
      <c r="AB55" s="65"/>
      <c r="AC55" s="65"/>
      <c r="AD55" s="65"/>
      <c r="AE55" s="65"/>
      <c r="AF55" s="65"/>
      <c r="AG55" s="65"/>
      <c r="AH55" s="65"/>
      <c r="AI55" s="65"/>
      <c r="AJ55" s="65"/>
      <c r="AK55" s="65"/>
      <c r="AL55" s="65"/>
      <c r="AM55" s="65"/>
      <c r="AN55" s="65"/>
      <c r="AO55" s="66"/>
      <c r="AP55" s="66"/>
      <c r="AQ55" s="66"/>
      <c r="AR55" s="66"/>
      <c r="AS55" s="66"/>
    </row>
    <row r="56" spans="1:45" s="64" customFormat="1" ht="21" customHeight="1" x14ac:dyDescent="0.2">
      <c r="A56" s="72"/>
      <c r="B56" s="109" t="s">
        <v>144</v>
      </c>
      <c r="C56" s="102"/>
      <c r="D56" s="103"/>
      <c r="E56" s="65"/>
      <c r="F56" s="65"/>
      <c r="G56" s="65"/>
      <c r="H56" s="65"/>
      <c r="I56" s="65"/>
      <c r="J56" s="65"/>
      <c r="K56" s="65"/>
      <c r="L56" s="65"/>
      <c r="M56" s="65"/>
      <c r="N56" s="65"/>
      <c r="O56" s="65"/>
      <c r="P56" s="65"/>
      <c r="Q56" s="65"/>
      <c r="R56" s="65"/>
      <c r="S56" s="65"/>
      <c r="T56" s="65"/>
      <c r="U56" s="65"/>
      <c r="V56" s="65"/>
      <c r="W56" s="65"/>
      <c r="X56" s="65"/>
      <c r="Y56" s="65"/>
      <c r="Z56" s="65"/>
      <c r="AA56" s="65"/>
      <c r="AB56" s="65"/>
      <c r="AC56" s="65"/>
      <c r="AD56" s="65"/>
      <c r="AE56" s="65"/>
      <c r="AF56" s="65"/>
      <c r="AG56" s="65"/>
      <c r="AH56" s="65"/>
      <c r="AI56" s="65"/>
      <c r="AJ56" s="65"/>
      <c r="AK56" s="65"/>
      <c r="AL56" s="65"/>
      <c r="AM56" s="65"/>
      <c r="AN56" s="65"/>
      <c r="AO56" s="66"/>
      <c r="AP56" s="66"/>
      <c r="AQ56" s="66"/>
      <c r="AR56" s="66"/>
      <c r="AS56" s="66"/>
    </row>
    <row r="57" spans="1:45" s="64" customFormat="1" ht="21" customHeight="1" x14ac:dyDescent="0.2">
      <c r="A57" s="72"/>
      <c r="B57" s="109" t="s">
        <v>145</v>
      </c>
      <c r="C57" s="102"/>
      <c r="D57" s="103"/>
      <c r="E57" s="65"/>
      <c r="F57" s="65"/>
      <c r="G57" s="65"/>
      <c r="H57" s="65"/>
      <c r="I57" s="65"/>
      <c r="J57" s="65"/>
      <c r="K57" s="65"/>
      <c r="L57" s="65"/>
      <c r="M57" s="65"/>
      <c r="N57" s="65"/>
      <c r="O57" s="65"/>
      <c r="P57" s="65"/>
      <c r="Q57" s="65"/>
      <c r="R57" s="65"/>
      <c r="S57" s="65"/>
      <c r="T57" s="65"/>
      <c r="U57" s="65"/>
      <c r="V57" s="65"/>
      <c r="W57" s="65"/>
      <c r="X57" s="65"/>
      <c r="Y57" s="65"/>
      <c r="Z57" s="65"/>
      <c r="AA57" s="65"/>
      <c r="AB57" s="65"/>
      <c r="AC57" s="65"/>
      <c r="AD57" s="65"/>
      <c r="AE57" s="65"/>
      <c r="AF57" s="65"/>
      <c r="AG57" s="65"/>
      <c r="AH57" s="65"/>
      <c r="AI57" s="65"/>
      <c r="AJ57" s="65"/>
      <c r="AK57" s="65"/>
      <c r="AL57" s="65"/>
      <c r="AM57" s="65"/>
      <c r="AN57" s="65"/>
      <c r="AO57" s="66"/>
      <c r="AP57" s="66"/>
      <c r="AQ57" s="66"/>
      <c r="AR57" s="66"/>
      <c r="AS57" s="66"/>
    </row>
    <row r="58" spans="1:45" s="64" customFormat="1" ht="21" customHeight="1" x14ac:dyDescent="0.2">
      <c r="A58" s="72"/>
      <c r="B58" s="109" t="s">
        <v>146</v>
      </c>
      <c r="C58" s="102"/>
      <c r="D58" s="103"/>
      <c r="E58" s="65"/>
      <c r="F58" s="65"/>
      <c r="G58" s="65"/>
      <c r="H58" s="65"/>
      <c r="I58" s="65"/>
      <c r="J58" s="65"/>
      <c r="K58" s="65"/>
      <c r="L58" s="65"/>
      <c r="M58" s="65"/>
      <c r="N58" s="65"/>
      <c r="O58" s="65"/>
      <c r="P58" s="65"/>
      <c r="Q58" s="65"/>
      <c r="R58" s="65"/>
      <c r="S58" s="65"/>
      <c r="T58" s="65"/>
      <c r="U58" s="65"/>
      <c r="V58" s="65"/>
      <c r="W58" s="65"/>
      <c r="X58" s="65"/>
      <c r="Y58" s="65"/>
      <c r="Z58" s="65"/>
      <c r="AA58" s="65"/>
      <c r="AB58" s="65"/>
      <c r="AC58" s="65"/>
      <c r="AD58" s="65"/>
      <c r="AE58" s="65"/>
      <c r="AF58" s="65"/>
      <c r="AG58" s="65"/>
      <c r="AH58" s="65"/>
      <c r="AI58" s="65"/>
      <c r="AJ58" s="65"/>
      <c r="AK58" s="65"/>
      <c r="AL58" s="65"/>
      <c r="AM58" s="65"/>
      <c r="AN58" s="65"/>
      <c r="AO58" s="66"/>
      <c r="AP58" s="66"/>
      <c r="AQ58" s="66"/>
      <c r="AR58" s="66"/>
      <c r="AS58" s="66"/>
    </row>
    <row r="59" spans="1:45" s="64" customFormat="1" ht="21" customHeight="1" x14ac:dyDescent="0.2">
      <c r="A59" s="72"/>
      <c r="B59" s="109" t="s">
        <v>147</v>
      </c>
      <c r="C59" s="102"/>
      <c r="D59" s="103"/>
      <c r="E59" s="65"/>
      <c r="F59" s="65"/>
      <c r="G59" s="65"/>
      <c r="H59" s="65"/>
      <c r="I59" s="65"/>
      <c r="J59" s="65"/>
      <c r="K59" s="65"/>
      <c r="L59" s="65"/>
      <c r="M59" s="65"/>
      <c r="N59" s="65"/>
      <c r="O59" s="65"/>
      <c r="P59" s="65"/>
      <c r="Q59" s="65"/>
      <c r="R59" s="65"/>
      <c r="S59" s="65"/>
      <c r="T59" s="65"/>
      <c r="U59" s="65"/>
      <c r="V59" s="65"/>
      <c r="W59" s="65"/>
      <c r="X59" s="65"/>
      <c r="Y59" s="65"/>
      <c r="Z59" s="65"/>
      <c r="AA59" s="65"/>
      <c r="AB59" s="65"/>
      <c r="AC59" s="65"/>
      <c r="AD59" s="65"/>
      <c r="AE59" s="65"/>
      <c r="AF59" s="65"/>
      <c r="AG59" s="65"/>
      <c r="AH59" s="65"/>
      <c r="AI59" s="65"/>
      <c r="AJ59" s="65"/>
      <c r="AK59" s="65"/>
      <c r="AL59" s="65"/>
      <c r="AM59" s="65"/>
      <c r="AN59" s="65"/>
      <c r="AO59" s="66"/>
      <c r="AP59" s="66"/>
      <c r="AQ59" s="66"/>
      <c r="AR59" s="66"/>
      <c r="AS59" s="66"/>
    </row>
    <row r="60" spans="1:45" s="64" customFormat="1" ht="21" customHeight="1" x14ac:dyDescent="0.2">
      <c r="A60" s="72"/>
      <c r="B60" s="109" t="s">
        <v>148</v>
      </c>
      <c r="C60" s="102"/>
      <c r="D60" s="103"/>
      <c r="E60" s="65"/>
      <c r="F60" s="65"/>
      <c r="G60" s="65"/>
      <c r="H60" s="65"/>
      <c r="I60" s="65"/>
      <c r="J60" s="65"/>
      <c r="K60" s="65"/>
      <c r="L60" s="65"/>
      <c r="M60" s="65"/>
      <c r="N60" s="65"/>
      <c r="O60" s="65"/>
      <c r="P60" s="65"/>
      <c r="Q60" s="65"/>
      <c r="R60" s="65"/>
      <c r="S60" s="65"/>
      <c r="T60" s="65"/>
      <c r="U60" s="65"/>
      <c r="V60" s="65"/>
      <c r="W60" s="65"/>
      <c r="X60" s="65"/>
      <c r="Y60" s="65"/>
      <c r="Z60" s="65"/>
      <c r="AA60" s="65"/>
      <c r="AB60" s="65"/>
      <c r="AC60" s="65"/>
      <c r="AD60" s="65"/>
      <c r="AE60" s="65"/>
      <c r="AF60" s="65"/>
      <c r="AG60" s="65"/>
      <c r="AH60" s="65"/>
      <c r="AI60" s="65"/>
      <c r="AJ60" s="65"/>
      <c r="AK60" s="65"/>
      <c r="AL60" s="65"/>
      <c r="AM60" s="65"/>
      <c r="AN60" s="65"/>
      <c r="AO60" s="66"/>
      <c r="AP60" s="66"/>
      <c r="AQ60" s="66"/>
      <c r="AR60" s="66"/>
      <c r="AS60" s="66"/>
    </row>
    <row r="61" spans="1:45" s="64" customFormat="1" ht="21" customHeight="1" x14ac:dyDescent="0.2">
      <c r="A61" s="72"/>
      <c r="B61" s="109" t="s">
        <v>112</v>
      </c>
      <c r="C61" s="102"/>
      <c r="D61" s="103"/>
      <c r="E61" s="65"/>
      <c r="F61" s="65"/>
      <c r="G61" s="65"/>
      <c r="H61" s="65"/>
      <c r="I61" s="65"/>
      <c r="J61" s="65"/>
      <c r="K61" s="65"/>
      <c r="L61" s="65"/>
      <c r="M61" s="65"/>
      <c r="N61" s="65"/>
      <c r="O61" s="65"/>
      <c r="P61" s="65"/>
      <c r="Q61" s="65"/>
      <c r="R61" s="65"/>
      <c r="S61" s="65"/>
      <c r="T61" s="65"/>
      <c r="U61" s="65"/>
      <c r="V61" s="65"/>
      <c r="W61" s="65"/>
      <c r="X61" s="65"/>
      <c r="Y61" s="65"/>
      <c r="Z61" s="65"/>
      <c r="AA61" s="65"/>
      <c r="AB61" s="65"/>
      <c r="AC61" s="65"/>
      <c r="AD61" s="65"/>
      <c r="AE61" s="65"/>
      <c r="AF61" s="65"/>
      <c r="AG61" s="65"/>
      <c r="AH61" s="65"/>
      <c r="AI61" s="65"/>
      <c r="AJ61" s="65"/>
      <c r="AK61" s="65"/>
      <c r="AL61" s="65"/>
      <c r="AM61" s="65"/>
      <c r="AN61" s="65"/>
      <c r="AO61" s="66"/>
      <c r="AP61" s="66"/>
      <c r="AQ61" s="66"/>
      <c r="AR61" s="66"/>
      <c r="AS61" s="66"/>
    </row>
    <row r="62" spans="1:45" s="64" customFormat="1" ht="21" customHeight="1" x14ac:dyDescent="0.2">
      <c r="A62" s="72"/>
      <c r="B62" s="109" t="s">
        <v>114</v>
      </c>
      <c r="C62" s="102"/>
      <c r="D62" s="103"/>
      <c r="E62" s="65"/>
      <c r="F62" s="65"/>
      <c r="G62" s="65"/>
      <c r="H62" s="65"/>
      <c r="I62" s="65"/>
      <c r="J62" s="65"/>
      <c r="K62" s="65"/>
      <c r="L62" s="65"/>
      <c r="M62" s="65"/>
      <c r="N62" s="65"/>
      <c r="O62" s="65"/>
      <c r="P62" s="65"/>
      <c r="Q62" s="65"/>
      <c r="R62" s="65"/>
      <c r="S62" s="65"/>
      <c r="T62" s="65"/>
      <c r="U62" s="65"/>
      <c r="V62" s="65"/>
      <c r="W62" s="65"/>
      <c r="X62" s="65"/>
      <c r="Y62" s="65"/>
      <c r="Z62" s="65"/>
      <c r="AA62" s="65"/>
      <c r="AB62" s="65"/>
      <c r="AC62" s="65"/>
      <c r="AD62" s="65"/>
      <c r="AE62" s="65"/>
      <c r="AF62" s="65"/>
      <c r="AG62" s="65"/>
      <c r="AH62" s="65"/>
      <c r="AI62" s="65"/>
      <c r="AJ62" s="65"/>
      <c r="AK62" s="65"/>
      <c r="AL62" s="65"/>
      <c r="AM62" s="65"/>
      <c r="AN62" s="65"/>
      <c r="AO62" s="66"/>
      <c r="AP62" s="66"/>
      <c r="AQ62" s="66"/>
      <c r="AR62" s="66"/>
      <c r="AS62" s="66"/>
    </row>
    <row r="63" spans="1:45" s="64" customFormat="1" ht="21" customHeight="1" x14ac:dyDescent="0.2">
      <c r="A63" s="72"/>
      <c r="B63" s="109" t="s">
        <v>115</v>
      </c>
      <c r="C63" s="102"/>
      <c r="D63" s="103"/>
      <c r="E63" s="65"/>
      <c r="F63" s="65"/>
      <c r="G63" s="65"/>
      <c r="H63" s="65"/>
      <c r="I63" s="65"/>
      <c r="J63" s="65"/>
      <c r="K63" s="65"/>
      <c r="L63" s="65"/>
      <c r="M63" s="65"/>
      <c r="N63" s="65"/>
      <c r="O63" s="65"/>
      <c r="P63" s="65"/>
      <c r="Q63" s="65"/>
      <c r="R63" s="65"/>
      <c r="S63" s="65"/>
      <c r="T63" s="65"/>
      <c r="U63" s="65"/>
      <c r="V63" s="65"/>
      <c r="W63" s="65"/>
      <c r="X63" s="65"/>
      <c r="Y63" s="65"/>
      <c r="Z63" s="65"/>
      <c r="AA63" s="65"/>
      <c r="AB63" s="65"/>
      <c r="AC63" s="65"/>
      <c r="AD63" s="65"/>
      <c r="AE63" s="65"/>
      <c r="AF63" s="65"/>
      <c r="AG63" s="65"/>
      <c r="AH63" s="65"/>
      <c r="AI63" s="65"/>
      <c r="AJ63" s="65"/>
      <c r="AK63" s="65"/>
      <c r="AL63" s="65"/>
      <c r="AM63" s="65"/>
      <c r="AN63" s="65"/>
      <c r="AO63" s="66"/>
      <c r="AP63" s="66"/>
      <c r="AQ63" s="66"/>
      <c r="AR63" s="66"/>
      <c r="AS63" s="66"/>
    </row>
    <row r="64" spans="1:45" s="64" customFormat="1" ht="21" customHeight="1" x14ac:dyDescent="0.2">
      <c r="A64" s="72"/>
      <c r="B64" s="109" t="s">
        <v>113</v>
      </c>
      <c r="C64" s="102"/>
      <c r="D64" s="103"/>
      <c r="E64" s="65"/>
      <c r="F64" s="65"/>
      <c r="G64" s="65"/>
      <c r="H64" s="65"/>
      <c r="I64" s="65"/>
      <c r="J64" s="65"/>
      <c r="K64" s="65"/>
      <c r="L64" s="65"/>
      <c r="M64" s="65"/>
      <c r="N64" s="65"/>
      <c r="O64" s="65"/>
      <c r="P64" s="65"/>
      <c r="Q64" s="65"/>
      <c r="R64" s="65"/>
      <c r="S64" s="65"/>
      <c r="T64" s="65"/>
      <c r="U64" s="65"/>
      <c r="V64" s="65"/>
      <c r="W64" s="65"/>
      <c r="X64" s="65"/>
      <c r="Y64" s="65"/>
      <c r="Z64" s="65"/>
      <c r="AA64" s="65"/>
      <c r="AB64" s="65"/>
      <c r="AC64" s="65"/>
      <c r="AD64" s="65"/>
      <c r="AE64" s="65"/>
      <c r="AF64" s="65"/>
      <c r="AG64" s="65"/>
      <c r="AH64" s="65"/>
      <c r="AI64" s="65"/>
      <c r="AJ64" s="65"/>
      <c r="AK64" s="65"/>
      <c r="AL64" s="65"/>
      <c r="AM64" s="65"/>
      <c r="AN64" s="65"/>
      <c r="AO64" s="66"/>
      <c r="AP64" s="66"/>
      <c r="AQ64" s="66"/>
      <c r="AR64" s="66"/>
      <c r="AS64" s="66"/>
    </row>
    <row r="65" spans="1:45" s="64" customFormat="1" ht="21" customHeight="1" x14ac:dyDescent="0.15">
      <c r="A65" s="72"/>
      <c r="B65" s="109" t="s">
        <v>116</v>
      </c>
      <c r="C65" s="102"/>
      <c r="D65" s="102"/>
      <c r="E65" s="65"/>
      <c r="F65" s="65"/>
      <c r="G65" s="65"/>
      <c r="H65" s="65"/>
      <c r="I65" s="65"/>
      <c r="J65" s="65"/>
      <c r="K65" s="65"/>
      <c r="L65" s="65"/>
      <c r="M65" s="65"/>
      <c r="N65" s="65"/>
      <c r="O65" s="65"/>
      <c r="P65" s="65"/>
      <c r="Q65" s="65"/>
      <c r="R65" s="65"/>
      <c r="S65" s="65"/>
      <c r="T65" s="65"/>
      <c r="U65" s="65"/>
      <c r="V65" s="65"/>
      <c r="W65" s="65"/>
      <c r="X65" s="65"/>
      <c r="Y65" s="65"/>
      <c r="Z65" s="65"/>
      <c r="AA65" s="65"/>
      <c r="AB65" s="65"/>
      <c r="AC65" s="65"/>
      <c r="AD65" s="65"/>
      <c r="AE65" s="65"/>
      <c r="AF65" s="65"/>
      <c r="AG65" s="65"/>
      <c r="AH65" s="65"/>
      <c r="AI65" s="65"/>
      <c r="AJ65" s="65"/>
      <c r="AK65" s="65"/>
      <c r="AL65" s="65"/>
      <c r="AM65" s="65"/>
      <c r="AN65" s="65"/>
      <c r="AO65" s="66"/>
      <c r="AP65" s="66"/>
      <c r="AQ65" s="66"/>
      <c r="AR65" s="66"/>
      <c r="AS65" s="66"/>
    </row>
    <row r="66" spans="1:45" s="64" customFormat="1" ht="21" customHeight="1" x14ac:dyDescent="0.15">
      <c r="A66" s="72"/>
      <c r="B66" s="109" t="s">
        <v>117</v>
      </c>
      <c r="C66" s="102"/>
      <c r="D66" s="102"/>
      <c r="E66" s="65"/>
      <c r="F66" s="65"/>
      <c r="G66" s="65"/>
      <c r="H66" s="65"/>
      <c r="I66" s="65"/>
      <c r="J66" s="65"/>
      <c r="K66" s="65"/>
      <c r="L66" s="65"/>
      <c r="M66" s="65"/>
      <c r="N66" s="65"/>
      <c r="O66" s="65"/>
      <c r="P66" s="65"/>
      <c r="Q66" s="65"/>
      <c r="R66" s="65"/>
      <c r="S66" s="65"/>
      <c r="T66" s="65"/>
      <c r="U66" s="65"/>
      <c r="V66" s="65"/>
      <c r="W66" s="65"/>
      <c r="X66" s="65"/>
      <c r="Y66" s="65"/>
      <c r="Z66" s="65"/>
      <c r="AA66" s="65"/>
      <c r="AB66" s="65"/>
      <c r="AC66" s="65"/>
      <c r="AD66" s="65"/>
      <c r="AE66" s="65"/>
      <c r="AF66" s="65"/>
      <c r="AG66" s="65"/>
      <c r="AH66" s="65"/>
      <c r="AI66" s="65"/>
      <c r="AJ66" s="65"/>
      <c r="AK66" s="65"/>
      <c r="AL66" s="65"/>
      <c r="AM66" s="65"/>
      <c r="AN66" s="65"/>
      <c r="AO66" s="66"/>
      <c r="AP66" s="66"/>
      <c r="AQ66" s="66"/>
      <c r="AR66" s="66"/>
      <c r="AS66" s="66"/>
    </row>
    <row r="67" spans="1:45" s="64" customFormat="1" ht="21" customHeight="1" x14ac:dyDescent="0.15">
      <c r="A67" s="72"/>
      <c r="B67" s="107" t="s">
        <v>149</v>
      </c>
      <c r="C67" s="104"/>
      <c r="D67" s="104"/>
      <c r="E67" s="63"/>
      <c r="F67" s="63"/>
      <c r="G67" s="63"/>
      <c r="H67" s="63"/>
      <c r="I67" s="63"/>
      <c r="J67" s="63"/>
      <c r="K67" s="63"/>
      <c r="L67" s="63"/>
      <c r="M67" s="63"/>
      <c r="N67" s="63"/>
      <c r="O67" s="63"/>
      <c r="P67" s="63"/>
      <c r="Q67" s="63"/>
      <c r="R67" s="63"/>
      <c r="S67" s="63"/>
      <c r="T67" s="63"/>
      <c r="U67" s="63"/>
      <c r="V67" s="63"/>
      <c r="W67" s="63"/>
      <c r="X67" s="63"/>
      <c r="Y67" s="63"/>
      <c r="Z67" s="63"/>
      <c r="AA67" s="63"/>
      <c r="AB67" s="63"/>
      <c r="AC67" s="63"/>
      <c r="AD67" s="63"/>
      <c r="AE67" s="63"/>
      <c r="AF67" s="63"/>
      <c r="AG67" s="63"/>
      <c r="AH67" s="63"/>
      <c r="AI67" s="63"/>
      <c r="AJ67" s="63"/>
      <c r="AK67" s="63"/>
      <c r="AL67" s="63"/>
      <c r="AM67" s="63"/>
      <c r="AN67" s="63"/>
      <c r="AO67" s="66"/>
      <c r="AP67" s="66"/>
      <c r="AQ67" s="66"/>
      <c r="AR67" s="66"/>
      <c r="AS67" s="66"/>
    </row>
    <row r="68" spans="1:45" s="64" customFormat="1" ht="21" customHeight="1" x14ac:dyDescent="0.15">
      <c r="A68" s="72"/>
      <c r="B68" s="107" t="s">
        <v>150</v>
      </c>
      <c r="C68" s="104"/>
      <c r="D68" s="104"/>
      <c r="E68" s="63"/>
      <c r="F68" s="63"/>
      <c r="G68" s="63"/>
      <c r="H68" s="63"/>
      <c r="I68" s="63"/>
      <c r="J68" s="63"/>
      <c r="K68" s="63"/>
      <c r="L68" s="63"/>
      <c r="M68" s="63"/>
      <c r="N68" s="63"/>
      <c r="O68" s="63"/>
      <c r="P68" s="63"/>
      <c r="Q68" s="63"/>
      <c r="R68" s="63"/>
      <c r="S68" s="63"/>
      <c r="T68" s="63"/>
      <c r="U68" s="63"/>
      <c r="V68" s="63"/>
      <c r="W68" s="63"/>
      <c r="X68" s="63"/>
      <c r="Y68" s="63"/>
      <c r="Z68" s="63"/>
      <c r="AA68" s="63"/>
      <c r="AB68" s="63"/>
      <c r="AC68" s="63"/>
      <c r="AD68" s="63"/>
      <c r="AE68" s="63"/>
      <c r="AF68" s="63"/>
      <c r="AG68" s="63"/>
      <c r="AH68" s="63"/>
      <c r="AI68" s="63"/>
      <c r="AJ68" s="63"/>
      <c r="AK68" s="63"/>
      <c r="AL68" s="63"/>
      <c r="AM68" s="63"/>
      <c r="AN68" s="63"/>
      <c r="AO68" s="66"/>
      <c r="AP68" s="66"/>
      <c r="AQ68" s="66"/>
      <c r="AR68" s="66"/>
      <c r="AS68" s="66"/>
    </row>
    <row r="69" spans="1:45" s="64" customFormat="1" ht="21" customHeight="1" x14ac:dyDescent="0.15">
      <c r="A69" s="72"/>
      <c r="B69" s="107"/>
      <c r="C69" s="104"/>
      <c r="D69" s="104"/>
      <c r="E69" s="63"/>
      <c r="F69" s="63"/>
      <c r="G69" s="63"/>
      <c r="H69" s="63"/>
      <c r="I69" s="63"/>
      <c r="J69" s="63"/>
      <c r="K69" s="63"/>
      <c r="L69" s="63"/>
      <c r="M69" s="63"/>
      <c r="N69" s="63"/>
      <c r="O69" s="63"/>
      <c r="P69" s="63"/>
      <c r="Q69" s="63"/>
      <c r="R69" s="63"/>
      <c r="S69" s="63"/>
      <c r="T69" s="63"/>
      <c r="U69" s="63"/>
      <c r="V69" s="63"/>
      <c r="W69" s="63"/>
      <c r="X69" s="63"/>
      <c r="Y69" s="63"/>
      <c r="Z69" s="63"/>
      <c r="AA69" s="63"/>
      <c r="AB69" s="63"/>
      <c r="AC69" s="63"/>
      <c r="AD69" s="63"/>
      <c r="AE69" s="63"/>
      <c r="AF69" s="63"/>
      <c r="AG69" s="63"/>
      <c r="AH69" s="63"/>
      <c r="AI69" s="63"/>
      <c r="AJ69" s="63"/>
      <c r="AK69" s="63"/>
      <c r="AL69" s="63"/>
      <c r="AM69" s="63"/>
      <c r="AN69" s="63"/>
      <c r="AO69" s="66"/>
      <c r="AP69" s="66"/>
      <c r="AQ69" s="66"/>
      <c r="AR69" s="66"/>
      <c r="AS69" s="66"/>
    </row>
    <row r="70" spans="1:45" s="64" customFormat="1" ht="21" customHeight="1" x14ac:dyDescent="0.15">
      <c r="A70" s="72"/>
      <c r="B70" s="109" t="s">
        <v>118</v>
      </c>
      <c r="C70" s="105"/>
      <c r="D70" s="105"/>
      <c r="E70" s="74"/>
      <c r="F70" s="68"/>
      <c r="G70" s="68"/>
      <c r="H70" s="68"/>
      <c r="I70" s="68"/>
      <c r="J70" s="68"/>
      <c r="K70" s="68"/>
      <c r="L70" s="68"/>
      <c r="M70" s="68"/>
      <c r="N70" s="63"/>
      <c r="O70" s="63"/>
      <c r="P70" s="63"/>
      <c r="Q70" s="63"/>
      <c r="R70" s="63"/>
      <c r="S70" s="63"/>
      <c r="T70" s="63"/>
      <c r="U70" s="63"/>
      <c r="V70" s="63"/>
      <c r="W70" s="63"/>
      <c r="X70" s="63"/>
      <c r="Y70" s="63"/>
      <c r="Z70" s="63"/>
      <c r="AA70" s="63"/>
      <c r="AB70" s="63"/>
      <c r="AC70" s="63"/>
      <c r="AD70" s="63"/>
      <c r="AE70" s="63"/>
      <c r="AF70" s="63"/>
      <c r="AG70" s="63"/>
      <c r="AH70" s="63"/>
      <c r="AI70" s="63"/>
      <c r="AJ70" s="63"/>
      <c r="AK70" s="63"/>
      <c r="AL70" s="63"/>
      <c r="AM70" s="63"/>
      <c r="AN70" s="63"/>
      <c r="AO70" s="66"/>
      <c r="AP70" s="66"/>
      <c r="AQ70" s="66"/>
      <c r="AR70" s="66"/>
      <c r="AS70" s="66"/>
    </row>
    <row r="71" spans="1:45" s="76" customFormat="1" ht="21" customHeight="1" x14ac:dyDescent="0.2">
      <c r="A71" s="75"/>
      <c r="B71" s="109" t="s">
        <v>119</v>
      </c>
      <c r="C71" s="105"/>
      <c r="D71" s="105"/>
      <c r="E71" s="74"/>
      <c r="F71" s="68"/>
      <c r="G71" s="68"/>
      <c r="H71" s="68"/>
      <c r="I71" s="68"/>
      <c r="J71" s="68"/>
      <c r="K71" s="68"/>
      <c r="L71" s="68"/>
      <c r="M71" s="68"/>
      <c r="N71" s="63"/>
      <c r="O71" s="63"/>
      <c r="P71" s="63"/>
      <c r="Q71" s="63"/>
      <c r="R71" s="63"/>
      <c r="S71" s="63"/>
      <c r="T71" s="63"/>
      <c r="U71" s="63"/>
      <c r="V71" s="63"/>
      <c r="W71" s="63"/>
      <c r="X71" s="63"/>
      <c r="Y71" s="63"/>
      <c r="Z71" s="63"/>
      <c r="AA71" s="63"/>
      <c r="AB71" s="63"/>
      <c r="AC71" s="63"/>
      <c r="AD71" s="63"/>
      <c r="AE71" s="63"/>
      <c r="AF71" s="63"/>
      <c r="AG71" s="63"/>
      <c r="AH71" s="63"/>
      <c r="AI71" s="63"/>
      <c r="AJ71" s="63"/>
      <c r="AK71" s="63"/>
      <c r="AL71" s="63"/>
      <c r="AM71" s="63"/>
      <c r="AN71" s="63"/>
      <c r="AO71" s="66"/>
      <c r="AP71" s="66"/>
      <c r="AQ71" s="66"/>
      <c r="AR71" s="66"/>
      <c r="AS71" s="66"/>
    </row>
    <row r="72" spans="1:45" s="76" customFormat="1" ht="21" customHeight="1" x14ac:dyDescent="0.2">
      <c r="B72" s="109" t="s">
        <v>120</v>
      </c>
      <c r="C72" s="106"/>
      <c r="D72" s="106"/>
      <c r="E72" s="77"/>
      <c r="F72" s="77"/>
      <c r="G72" s="77"/>
      <c r="H72" s="77"/>
      <c r="I72" s="77"/>
      <c r="J72" s="77"/>
      <c r="K72" s="77"/>
      <c r="L72" s="77"/>
      <c r="M72" s="77"/>
      <c r="N72" s="77"/>
      <c r="O72" s="77"/>
      <c r="P72" s="77"/>
      <c r="Q72" s="77"/>
      <c r="R72" s="77"/>
      <c r="S72" s="77"/>
      <c r="T72" s="77"/>
      <c r="U72" s="77"/>
      <c r="V72" s="77"/>
      <c r="W72" s="77"/>
      <c r="X72" s="77"/>
      <c r="Y72" s="77"/>
      <c r="Z72" s="77"/>
      <c r="AA72" s="77"/>
      <c r="AB72" s="77"/>
      <c r="AC72" s="77"/>
      <c r="AD72" s="77"/>
      <c r="AE72" s="77"/>
      <c r="AF72" s="77"/>
      <c r="AG72" s="77"/>
      <c r="AH72" s="77"/>
      <c r="AI72" s="77"/>
      <c r="AJ72" s="77"/>
      <c r="AK72" s="77"/>
      <c r="AL72" s="77"/>
      <c r="AM72" s="77"/>
      <c r="AN72" s="77"/>
      <c r="AO72" s="77"/>
      <c r="AP72" s="77"/>
      <c r="AQ72" s="77"/>
      <c r="AR72" s="77"/>
      <c r="AS72" s="77"/>
    </row>
    <row r="73" spans="1:45" s="76" customFormat="1" ht="15" customHeight="1" x14ac:dyDescent="0.2">
      <c r="C73" s="77"/>
      <c r="D73" s="77"/>
      <c r="E73" s="77"/>
      <c r="F73" s="66"/>
      <c r="G73" s="66"/>
      <c r="H73" s="66"/>
      <c r="I73" s="66"/>
      <c r="J73" s="66"/>
      <c r="K73" s="66"/>
      <c r="L73" s="66"/>
      <c r="M73" s="66"/>
      <c r="N73" s="66"/>
      <c r="O73" s="66"/>
      <c r="P73" s="77"/>
      <c r="Q73" s="66"/>
      <c r="R73" s="66"/>
      <c r="S73" s="66"/>
      <c r="T73" s="66"/>
      <c r="U73" s="66"/>
      <c r="V73" s="66"/>
      <c r="W73" s="66"/>
      <c r="X73" s="66"/>
      <c r="Y73" s="66"/>
      <c r="Z73" s="66"/>
      <c r="AA73" s="66"/>
      <c r="AB73" s="66"/>
      <c r="AC73" s="66"/>
      <c r="AD73" s="66"/>
      <c r="AE73" s="66"/>
      <c r="AF73" s="66"/>
      <c r="AG73" s="66"/>
      <c r="AH73" s="66"/>
      <c r="AI73" s="66"/>
      <c r="AJ73" s="66"/>
      <c r="AK73" s="66"/>
      <c r="AL73" s="66"/>
      <c r="AM73" s="66"/>
      <c r="AN73" s="66"/>
      <c r="AO73" s="66"/>
      <c r="AP73" s="66"/>
      <c r="AQ73" s="66"/>
      <c r="AR73" s="66"/>
      <c r="AS73" s="66"/>
    </row>
    <row r="74" spans="1:45" s="76" customFormat="1" ht="15" customHeight="1" x14ac:dyDescent="0.2">
      <c r="C74" s="77"/>
      <c r="D74" s="77"/>
      <c r="E74" s="77"/>
      <c r="F74" s="66"/>
      <c r="G74" s="66"/>
      <c r="H74" s="66"/>
      <c r="I74" s="66"/>
      <c r="J74" s="66"/>
      <c r="K74" s="66"/>
      <c r="L74" s="66"/>
      <c r="M74" s="66"/>
      <c r="N74" s="66"/>
      <c r="O74" s="66"/>
      <c r="P74" s="66"/>
      <c r="Q74" s="66"/>
      <c r="R74" s="66"/>
      <c r="S74" s="66"/>
      <c r="T74" s="66"/>
      <c r="U74" s="66"/>
      <c r="V74" s="66"/>
      <c r="W74" s="66"/>
      <c r="X74" s="66"/>
      <c r="Y74" s="66"/>
      <c r="Z74" s="66"/>
      <c r="AA74" s="66"/>
      <c r="AB74" s="66"/>
      <c r="AC74" s="66"/>
      <c r="AD74" s="66"/>
      <c r="AE74" s="66"/>
      <c r="AF74" s="66"/>
      <c r="AG74" s="66"/>
      <c r="AH74" s="66"/>
      <c r="AI74" s="66"/>
      <c r="AJ74" s="66"/>
      <c r="AK74" s="66"/>
      <c r="AL74" s="66"/>
      <c r="AM74" s="66"/>
      <c r="AN74" s="66"/>
      <c r="AO74" s="66"/>
      <c r="AP74" s="66"/>
      <c r="AQ74" s="66"/>
      <c r="AR74" s="66"/>
      <c r="AS74" s="66"/>
    </row>
    <row r="75" spans="1:45" s="76" customFormat="1" ht="15" customHeight="1" x14ac:dyDescent="0.2">
      <c r="C75" s="77"/>
      <c r="D75" s="77"/>
      <c r="E75" s="77"/>
      <c r="F75" s="77"/>
      <c r="G75" s="77"/>
      <c r="H75" s="77"/>
      <c r="I75" s="77"/>
      <c r="J75" s="77"/>
      <c r="K75" s="77"/>
      <c r="L75" s="77"/>
      <c r="M75" s="77"/>
      <c r="N75" s="77"/>
      <c r="O75" s="77"/>
      <c r="P75" s="77"/>
      <c r="Q75" s="77"/>
      <c r="R75" s="77"/>
      <c r="S75" s="77"/>
      <c r="T75" s="77"/>
      <c r="U75" s="77"/>
      <c r="V75" s="77"/>
      <c r="W75" s="77"/>
      <c r="X75" s="77"/>
      <c r="Y75" s="77"/>
      <c r="Z75" s="77"/>
      <c r="AA75" s="77"/>
      <c r="AB75" s="77"/>
      <c r="AC75" s="77"/>
      <c r="AD75" s="77"/>
      <c r="AE75" s="77"/>
      <c r="AF75" s="77"/>
      <c r="AG75" s="77"/>
      <c r="AH75" s="77"/>
      <c r="AI75" s="77"/>
      <c r="AJ75" s="77"/>
      <c r="AK75" s="77"/>
      <c r="AL75" s="77"/>
      <c r="AM75" s="77"/>
      <c r="AN75" s="77"/>
      <c r="AO75" s="77"/>
      <c r="AP75" s="77"/>
      <c r="AQ75" s="77"/>
      <c r="AR75" s="77"/>
      <c r="AS75" s="77"/>
    </row>
    <row r="76" spans="1:45" s="76" customFormat="1" ht="15" customHeight="1" x14ac:dyDescent="0.2">
      <c r="B76" s="77"/>
      <c r="C76" s="77"/>
      <c r="D76" s="77"/>
      <c r="E76" s="77"/>
      <c r="F76" s="77"/>
      <c r="G76" s="77"/>
      <c r="H76" s="77"/>
      <c r="I76" s="77"/>
      <c r="J76" s="77"/>
      <c r="K76" s="77"/>
      <c r="L76" s="77"/>
      <c r="M76" s="77"/>
      <c r="N76" s="77"/>
      <c r="O76" s="77"/>
      <c r="P76" s="77"/>
      <c r="Q76" s="77"/>
      <c r="R76" s="77"/>
      <c r="S76" s="77"/>
      <c r="T76" s="77"/>
      <c r="U76" s="77"/>
      <c r="V76" s="77"/>
      <c r="W76" s="77"/>
      <c r="X76" s="77"/>
      <c r="Y76" s="77"/>
      <c r="Z76" s="77"/>
      <c r="AA76" s="77"/>
      <c r="AB76" s="77"/>
      <c r="AC76" s="77"/>
      <c r="AD76" s="77"/>
      <c r="AE76" s="77"/>
      <c r="AF76" s="77"/>
      <c r="AG76" s="77"/>
      <c r="AH76" s="77"/>
      <c r="AI76" s="77"/>
      <c r="AJ76" s="77"/>
      <c r="AK76" s="77"/>
      <c r="AL76" s="77"/>
      <c r="AM76" s="77"/>
      <c r="AN76" s="77"/>
    </row>
    <row r="77" spans="1:45" s="76" customFormat="1" ht="15" customHeight="1" x14ac:dyDescent="0.2">
      <c r="B77" s="77"/>
      <c r="C77" s="77"/>
      <c r="D77" s="77"/>
      <c r="E77" s="77"/>
      <c r="F77" s="77"/>
      <c r="G77" s="77"/>
      <c r="H77" s="77"/>
      <c r="I77" s="77"/>
      <c r="J77" s="77"/>
      <c r="K77" s="77"/>
      <c r="L77" s="77"/>
      <c r="M77" s="77"/>
      <c r="N77" s="77"/>
      <c r="O77" s="77"/>
      <c r="P77" s="77"/>
      <c r="Q77" s="77"/>
      <c r="R77" s="77"/>
      <c r="S77" s="77"/>
      <c r="T77" s="77"/>
      <c r="U77" s="77"/>
      <c r="V77" s="77"/>
      <c r="W77" s="77"/>
      <c r="X77" s="77"/>
      <c r="Y77" s="77"/>
      <c r="Z77" s="77"/>
      <c r="AA77" s="77"/>
      <c r="AB77" s="77"/>
      <c r="AC77" s="77"/>
      <c r="AD77" s="77"/>
      <c r="AE77" s="77"/>
      <c r="AF77" s="77"/>
      <c r="AG77" s="77"/>
      <c r="AH77" s="77"/>
      <c r="AI77" s="77"/>
      <c r="AJ77" s="77"/>
      <c r="AK77" s="77"/>
      <c r="AL77" s="77"/>
      <c r="AM77" s="77"/>
      <c r="AN77" s="77"/>
      <c r="AO77" s="77"/>
      <c r="AP77" s="77"/>
      <c r="AQ77" s="77"/>
      <c r="AR77" s="77"/>
      <c r="AS77" s="77"/>
    </row>
    <row r="78" spans="1:45" ht="15" customHeight="1" x14ac:dyDescent="0.2">
      <c r="B78" s="4"/>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row>
    <row r="79" spans="1:45" x14ac:dyDescent="0.2">
      <c r="B79" s="2"/>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row>
    <row r="80" spans="1:45" x14ac:dyDescent="0.2">
      <c r="B80" s="2"/>
      <c r="C80" s="2"/>
      <c r="D80" s="2"/>
      <c r="E80" s="2"/>
      <c r="F80" s="2"/>
      <c r="G80" s="2"/>
      <c r="H80" s="2"/>
      <c r="I80" s="2"/>
      <c r="J80" s="2"/>
      <c r="K80" s="2"/>
      <c r="L80" s="2"/>
      <c r="M80" s="2"/>
      <c r="N80" s="2"/>
      <c r="O80" s="2"/>
      <c r="P80" s="2"/>
      <c r="Q80" s="2"/>
      <c r="R80" s="2"/>
      <c r="S80" s="2"/>
      <c r="T80" s="2"/>
      <c r="U80" s="2"/>
      <c r="V80" s="2"/>
      <c r="W80" s="2"/>
      <c r="X80" s="2"/>
      <c r="Y80" s="2"/>
      <c r="Z80" s="2"/>
      <c r="AA80" s="2"/>
      <c r="AB80" s="2"/>
      <c r="AC80" s="2"/>
      <c r="AD80" s="2"/>
      <c r="AE80" s="2"/>
      <c r="AF80" s="2"/>
      <c r="AG80" s="2"/>
      <c r="AH80" s="2"/>
      <c r="AI80" s="2"/>
      <c r="AJ80" s="2"/>
      <c r="AK80" s="2"/>
      <c r="AL80" s="2"/>
      <c r="AM80" s="2"/>
      <c r="AN80" s="2"/>
      <c r="AO80" s="2"/>
      <c r="AP80" s="2"/>
      <c r="AQ80" s="2"/>
      <c r="AR80" s="2"/>
      <c r="AS80" s="2"/>
    </row>
    <row r="81" spans="2:45" x14ac:dyDescent="0.2">
      <c r="B81" s="2"/>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row>
    <row r="82" spans="2:45" x14ac:dyDescent="0.2">
      <c r="B82" s="2"/>
      <c r="C82" s="2"/>
      <c r="D82" s="2"/>
      <c r="E82" s="2"/>
      <c r="F82" s="2"/>
      <c r="G82" s="2"/>
      <c r="H82" s="2"/>
      <c r="I82" s="2"/>
      <c r="J82" s="2"/>
      <c r="K82" s="2"/>
      <c r="L82" s="2"/>
      <c r="M82" s="2"/>
      <c r="N82" s="2"/>
      <c r="O82" s="2"/>
      <c r="P82" s="2"/>
      <c r="Q82" s="2"/>
      <c r="R82" s="2"/>
      <c r="S82" s="2"/>
      <c r="T82" s="2"/>
      <c r="U82" s="2"/>
      <c r="V82" s="2"/>
      <c r="W82" s="2"/>
      <c r="X82" s="2"/>
      <c r="Y82" s="2"/>
      <c r="Z82" s="2"/>
      <c r="AA82" s="2"/>
      <c r="AB82" s="2"/>
      <c r="AC82" s="2"/>
      <c r="AD82" s="2"/>
      <c r="AE82" s="2"/>
      <c r="AF82" s="2"/>
      <c r="AG82" s="2"/>
      <c r="AH82" s="2"/>
      <c r="AI82" s="2"/>
      <c r="AJ82" s="2"/>
      <c r="AK82" s="2"/>
      <c r="AL82" s="2"/>
      <c r="AM82" s="2"/>
      <c r="AN82" s="2"/>
      <c r="AO82" s="2"/>
      <c r="AP82" s="2"/>
      <c r="AQ82" s="2"/>
      <c r="AR82" s="2"/>
      <c r="AS82" s="2"/>
    </row>
    <row r="83" spans="2:45" x14ac:dyDescent="0.2">
      <c r="B83" s="2"/>
      <c r="C83" s="2"/>
      <c r="D83" s="2"/>
      <c r="E83" s="2"/>
      <c r="F83" s="2"/>
      <c r="G83" s="2"/>
      <c r="H83" s="2"/>
      <c r="I83" s="2"/>
      <c r="J83" s="2"/>
      <c r="K83" s="2"/>
      <c r="L83" s="2"/>
      <c r="M83" s="2"/>
      <c r="N83" s="2"/>
      <c r="O83" s="2"/>
      <c r="P83" s="2"/>
      <c r="Q83" s="2"/>
      <c r="R83" s="2"/>
      <c r="S83" s="2"/>
      <c r="T83" s="2"/>
      <c r="U83" s="2"/>
      <c r="V83" s="2"/>
      <c r="W83" s="2"/>
      <c r="X83" s="2"/>
      <c r="Y83" s="2"/>
      <c r="Z83" s="2"/>
      <c r="AA83" s="2"/>
      <c r="AB83" s="2"/>
      <c r="AC83" s="2"/>
      <c r="AD83" s="2"/>
      <c r="AE83" s="2"/>
      <c r="AF83" s="2"/>
      <c r="AG83" s="2"/>
      <c r="AH83" s="2"/>
      <c r="AI83" s="2"/>
      <c r="AJ83" s="2"/>
      <c r="AK83" s="2"/>
      <c r="AL83" s="2"/>
      <c r="AM83" s="2"/>
      <c r="AN83" s="2"/>
      <c r="AO83" s="2"/>
      <c r="AP83" s="2"/>
      <c r="AQ83" s="2"/>
      <c r="AR83" s="2"/>
      <c r="AS83" s="2"/>
    </row>
  </sheetData>
  <mergeCells count="181">
    <mergeCell ref="B1:CT1"/>
    <mergeCell ref="BQ12:CE12"/>
    <mergeCell ref="BQ10:CA10"/>
    <mergeCell ref="BX5:CT7"/>
    <mergeCell ref="AX11:AZ11"/>
    <mergeCell ref="BA11:BP11"/>
    <mergeCell ref="CB10:CT10"/>
    <mergeCell ref="H10:O10"/>
    <mergeCell ref="AX10:BP10"/>
    <mergeCell ref="AM10:AW10"/>
    <mergeCell ref="CI2:CT2"/>
    <mergeCell ref="BQ8:CT8"/>
    <mergeCell ref="AM8:BP8"/>
    <mergeCell ref="AM9:AW9"/>
    <mergeCell ref="AX9:BP9"/>
    <mergeCell ref="BQ9:CA9"/>
    <mergeCell ref="CB9:CT9"/>
    <mergeCell ref="AF9:AL9"/>
    <mergeCell ref="H9:O9"/>
    <mergeCell ref="P9:W9"/>
    <mergeCell ref="X9:AE9"/>
    <mergeCell ref="BZ2:CH2"/>
    <mergeCell ref="AH2:AM3"/>
    <mergeCell ref="AN2:AS3"/>
    <mergeCell ref="B41:D41"/>
    <mergeCell ref="AY37:CS38"/>
    <mergeCell ref="AU40:AU41"/>
    <mergeCell ref="V40:Z41"/>
    <mergeCell ref="E41:K41"/>
    <mergeCell ref="CR41:CT42"/>
    <mergeCell ref="CL41:CN42"/>
    <mergeCell ref="CO41:CQ42"/>
    <mergeCell ref="BD27:BQ27"/>
    <mergeCell ref="BR27:BY27"/>
    <mergeCell ref="AE27:AP30"/>
    <mergeCell ref="AU28:AV30"/>
    <mergeCell ref="AW28:BC30"/>
    <mergeCell ref="AQ27:AV27"/>
    <mergeCell ref="AW27:BC27"/>
    <mergeCell ref="BL28:BM30"/>
    <mergeCell ref="BN28:BO30"/>
    <mergeCell ref="BP28:BQ30"/>
    <mergeCell ref="BD28:BE30"/>
    <mergeCell ref="W27:AD27"/>
    <mergeCell ref="D27:G28"/>
    <mergeCell ref="H27:L30"/>
    <mergeCell ref="B28:C30"/>
    <mergeCell ref="B32:CT32"/>
    <mergeCell ref="W13:AD13"/>
    <mergeCell ref="W14:X16"/>
    <mergeCell ref="Y14:Z16"/>
    <mergeCell ref="AA14:AB16"/>
    <mergeCell ref="AC14:AD16"/>
    <mergeCell ref="BR13:BY13"/>
    <mergeCell ref="BD13:BQ13"/>
    <mergeCell ref="CB24:CT24"/>
    <mergeCell ref="BQ23:CA23"/>
    <mergeCell ref="CB23:CT23"/>
    <mergeCell ref="BQ24:CA24"/>
    <mergeCell ref="BJ14:BK16"/>
    <mergeCell ref="BL14:BM16"/>
    <mergeCell ref="BH14:BI16"/>
    <mergeCell ref="P24:W24"/>
    <mergeCell ref="AF24:AL24"/>
    <mergeCell ref="X24:AE24"/>
    <mergeCell ref="CF26:CT26"/>
    <mergeCell ref="BN14:BO16"/>
    <mergeCell ref="BP14:BQ16"/>
    <mergeCell ref="BQ25:BT25"/>
    <mergeCell ref="BU25:CA25"/>
    <mergeCell ref="CB25:CD25"/>
    <mergeCell ref="CP15:CT16"/>
    <mergeCell ref="CE25:CT25"/>
    <mergeCell ref="BQ26:CE26"/>
    <mergeCell ref="BG19:BW21"/>
    <mergeCell ref="AM22:BP22"/>
    <mergeCell ref="B18:CT18"/>
    <mergeCell ref="B20:C21"/>
    <mergeCell ref="D20:AA21"/>
    <mergeCell ref="BQ22:CT22"/>
    <mergeCell ref="AY19:BB21"/>
    <mergeCell ref="BX19:CT21"/>
    <mergeCell ref="BC19:BF21"/>
    <mergeCell ref="AF23:AL23"/>
    <mergeCell ref="B22:AL22"/>
    <mergeCell ref="P23:W23"/>
    <mergeCell ref="X23:AE23"/>
    <mergeCell ref="AM24:AW24"/>
    <mergeCell ref="B23:G23"/>
    <mergeCell ref="H23:O23"/>
    <mergeCell ref="AX24:BP24"/>
    <mergeCell ref="B24:G24"/>
    <mergeCell ref="BF28:BG30"/>
    <mergeCell ref="BH28:BI30"/>
    <mergeCell ref="BJ28:BK30"/>
    <mergeCell ref="H24:O24"/>
    <mergeCell ref="C25:O25"/>
    <mergeCell ref="P25:T25"/>
    <mergeCell ref="U25:AL25"/>
    <mergeCell ref="B26:M26"/>
    <mergeCell ref="N26:AH26"/>
    <mergeCell ref="AI26:AW26"/>
    <mergeCell ref="AX26:BP26"/>
    <mergeCell ref="AQ28:AR30"/>
    <mergeCell ref="AS28:AT30"/>
    <mergeCell ref="D29:G30"/>
    <mergeCell ref="AM25:AP25"/>
    <mergeCell ref="AQ25:AW25"/>
    <mergeCell ref="AX25:AZ25"/>
    <mergeCell ref="BA25:BP25"/>
    <mergeCell ref="AM23:AW23"/>
    <mergeCell ref="AX23:BP23"/>
    <mergeCell ref="B27:C27"/>
    <mergeCell ref="V2:AA3"/>
    <mergeCell ref="BC5:BF7"/>
    <mergeCell ref="BG5:BW7"/>
    <mergeCell ref="AY5:BB7"/>
    <mergeCell ref="B2:G3"/>
    <mergeCell ref="H2:U3"/>
    <mergeCell ref="AB2:AG3"/>
    <mergeCell ref="B5:C5"/>
    <mergeCell ref="B6:C7"/>
    <mergeCell ref="AB5:AG7"/>
    <mergeCell ref="D5:AA5"/>
    <mergeCell ref="P10:W10"/>
    <mergeCell ref="C11:O11"/>
    <mergeCell ref="P11:T11"/>
    <mergeCell ref="U11:AL11"/>
    <mergeCell ref="D6:AA7"/>
    <mergeCell ref="B10:G10"/>
    <mergeCell ref="B8:AL8"/>
    <mergeCell ref="B19:C19"/>
    <mergeCell ref="D19:AA19"/>
    <mergeCell ref="AE13:AP16"/>
    <mergeCell ref="B13:C13"/>
    <mergeCell ref="M13:V16"/>
    <mergeCell ref="H13:L16"/>
    <mergeCell ref="AB19:AG21"/>
    <mergeCell ref="AH19:AX21"/>
    <mergeCell ref="B12:M12"/>
    <mergeCell ref="N12:AH12"/>
    <mergeCell ref="X10:AE10"/>
    <mergeCell ref="B9:G9"/>
    <mergeCell ref="C17:CT17"/>
    <mergeCell ref="B14:C16"/>
    <mergeCell ref="D13:G14"/>
    <mergeCell ref="D15:G16"/>
    <mergeCell ref="AW14:BC16"/>
    <mergeCell ref="AM11:AP11"/>
    <mergeCell ref="AQ11:AW11"/>
    <mergeCell ref="BD14:BE16"/>
    <mergeCell ref="BF14:BG16"/>
    <mergeCell ref="AS14:AT16"/>
    <mergeCell ref="AI12:AW12"/>
    <mergeCell ref="AX12:BP12"/>
    <mergeCell ref="AU14:AV16"/>
    <mergeCell ref="AH5:AX7"/>
    <mergeCell ref="AF10:AL10"/>
    <mergeCell ref="AQ14:AR16"/>
    <mergeCell ref="AQ13:AV13"/>
    <mergeCell ref="AW13:BC13"/>
    <mergeCell ref="CB11:CD11"/>
    <mergeCell ref="CE11:CT11"/>
    <mergeCell ref="BR14:BY16"/>
    <mergeCell ref="CP13:CT14"/>
    <mergeCell ref="BZ13:CO13"/>
    <mergeCell ref="BZ14:CO16"/>
    <mergeCell ref="BQ11:BT11"/>
    <mergeCell ref="BU11:CA11"/>
    <mergeCell ref="CF12:CT12"/>
    <mergeCell ref="BR28:BY30"/>
    <mergeCell ref="C31:CT31"/>
    <mergeCell ref="W28:X30"/>
    <mergeCell ref="Y28:Z30"/>
    <mergeCell ref="AA28:AB30"/>
    <mergeCell ref="AC28:AD30"/>
    <mergeCell ref="M27:V30"/>
    <mergeCell ref="BZ27:CO27"/>
    <mergeCell ref="CP27:CT28"/>
    <mergeCell ref="BZ28:CO30"/>
    <mergeCell ref="CP29:CT30"/>
  </mergeCells>
  <phoneticPr fontId="3"/>
  <printOptions horizontalCentered="1"/>
  <pageMargins left="0.19685039370078741" right="0.19685039370078741" top="0.19685039370078741" bottom="0" header="0.31496062992125984" footer="0.51181102362204722"/>
  <pageSetup paperSize="9" scale="59" fitToHeight="2" orientation="landscape" r:id="rId1"/>
  <headerFooter alignWithMargins="0"/>
  <rowBreaks count="1" manualBreakCount="1">
    <brk id="42" min="1" max="97"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Z70"/>
  <sheetViews>
    <sheetView workbookViewId="0">
      <selection activeCell="E9" sqref="E9:BJ9"/>
    </sheetView>
  </sheetViews>
  <sheetFormatPr defaultColWidth="1.77734375" defaultRowHeight="11.25" customHeight="1" x14ac:dyDescent="0.2"/>
  <sheetData>
    <row r="1" spans="1:52" ht="11.25" customHeight="1" x14ac:dyDescent="0.2">
      <c r="A1" s="11"/>
      <c r="B1" s="11"/>
      <c r="C1" s="12"/>
      <c r="D1" s="13"/>
      <c r="E1" s="11"/>
      <c r="F1" s="11"/>
      <c r="G1" s="11"/>
      <c r="H1" s="11"/>
      <c r="I1" s="11"/>
      <c r="J1" s="11"/>
      <c r="K1" s="11"/>
      <c r="L1" s="11"/>
      <c r="M1" s="11"/>
      <c r="N1" s="11"/>
      <c r="O1" s="11"/>
      <c r="P1" s="11"/>
      <c r="Q1" s="11"/>
      <c r="R1" s="11"/>
      <c r="S1" s="11"/>
      <c r="T1" s="11"/>
      <c r="U1" s="11"/>
      <c r="V1" s="11"/>
      <c r="W1" s="11"/>
      <c r="X1" s="11"/>
      <c r="Y1" s="11"/>
      <c r="Z1" s="11"/>
      <c r="AA1" s="11"/>
      <c r="AB1" s="11"/>
      <c r="AC1" s="11"/>
      <c r="AD1" s="11"/>
      <c r="AE1" s="11"/>
      <c r="AF1" s="11"/>
      <c r="AG1" s="11"/>
      <c r="AH1" s="11"/>
      <c r="AI1" s="11"/>
      <c r="AJ1" s="11"/>
      <c r="AK1" s="11"/>
      <c r="AL1" s="11"/>
      <c r="AM1" s="11"/>
      <c r="AN1" s="11"/>
      <c r="AO1" s="11"/>
      <c r="AP1" s="11"/>
      <c r="AQ1" s="11"/>
      <c r="AR1" s="11"/>
      <c r="AS1" s="11"/>
      <c r="AT1" s="11"/>
      <c r="AU1" s="11"/>
      <c r="AV1" s="11"/>
      <c r="AW1" s="11"/>
      <c r="AX1" s="11"/>
      <c r="AY1" s="11"/>
      <c r="AZ1" s="11"/>
    </row>
    <row r="2" spans="1:52" ht="11.25" customHeight="1" x14ac:dyDescent="0.2">
      <c r="A2" s="1184" t="s">
        <v>72</v>
      </c>
      <c r="B2" s="1184"/>
      <c r="C2" s="1184"/>
      <c r="D2" s="1184"/>
      <c r="E2" s="1184"/>
      <c r="F2" s="1184"/>
      <c r="G2" s="1184"/>
      <c r="H2" s="1184"/>
      <c r="I2" s="1184"/>
      <c r="J2" s="1184"/>
      <c r="K2" s="1184"/>
      <c r="L2" s="1184"/>
      <c r="M2" s="1184"/>
      <c r="N2" s="1184"/>
      <c r="O2" s="1184"/>
      <c r="P2" s="1184"/>
      <c r="Q2" s="1184"/>
      <c r="R2" s="1184"/>
      <c r="S2" s="1184"/>
      <c r="T2" s="1184"/>
      <c r="U2" s="1184"/>
      <c r="V2" s="1184"/>
      <c r="W2" s="1184"/>
      <c r="X2" s="1184"/>
      <c r="Y2" s="1184"/>
      <c r="Z2" s="1184"/>
      <c r="AA2" s="1184"/>
      <c r="AB2" s="1184"/>
      <c r="AC2" s="1184"/>
      <c r="AD2" s="1184"/>
      <c r="AE2" s="1184"/>
      <c r="AF2" s="1184"/>
      <c r="AG2" s="1184"/>
      <c r="AH2" s="1184"/>
      <c r="AI2" s="1184"/>
      <c r="AJ2" s="1184"/>
      <c r="AK2" s="1184"/>
      <c r="AL2" s="1184"/>
      <c r="AM2" s="1184"/>
      <c r="AN2" s="1184"/>
      <c r="AO2" s="1184"/>
      <c r="AP2" s="1184"/>
      <c r="AQ2" s="1184"/>
      <c r="AR2" s="1184"/>
      <c r="AS2" s="1184"/>
      <c r="AT2" s="1184"/>
      <c r="AU2" s="1184"/>
      <c r="AV2" s="1184"/>
      <c r="AW2" s="1184"/>
      <c r="AX2" s="1184"/>
      <c r="AY2" s="1184"/>
      <c r="AZ2" s="1184"/>
    </row>
    <row r="3" spans="1:52" ht="11.25" customHeight="1" x14ac:dyDescent="0.2">
      <c r="A3" s="1184"/>
      <c r="B3" s="1184"/>
      <c r="C3" s="1184"/>
      <c r="D3" s="1184"/>
      <c r="E3" s="1184"/>
      <c r="F3" s="1184"/>
      <c r="G3" s="1184"/>
      <c r="H3" s="1184"/>
      <c r="I3" s="1184"/>
      <c r="J3" s="1184"/>
      <c r="K3" s="1184"/>
      <c r="L3" s="1184"/>
      <c r="M3" s="1184"/>
      <c r="N3" s="1184"/>
      <c r="O3" s="1184"/>
      <c r="P3" s="1184"/>
      <c r="Q3" s="1184"/>
      <c r="R3" s="1184"/>
      <c r="S3" s="1184"/>
      <c r="T3" s="1184"/>
      <c r="U3" s="1184"/>
      <c r="V3" s="1184"/>
      <c r="W3" s="1184"/>
      <c r="X3" s="1184"/>
      <c r="Y3" s="1184"/>
      <c r="Z3" s="1184"/>
      <c r="AA3" s="1184"/>
      <c r="AB3" s="1184"/>
      <c r="AC3" s="1184"/>
      <c r="AD3" s="1184"/>
      <c r="AE3" s="1184"/>
      <c r="AF3" s="1184"/>
      <c r="AG3" s="1184"/>
      <c r="AH3" s="1184"/>
      <c r="AI3" s="1184"/>
      <c r="AJ3" s="1184"/>
      <c r="AK3" s="1184"/>
      <c r="AL3" s="1184"/>
      <c r="AM3" s="1184"/>
      <c r="AN3" s="1184"/>
      <c r="AO3" s="1184"/>
      <c r="AP3" s="1184"/>
      <c r="AQ3" s="1184"/>
      <c r="AR3" s="1184"/>
      <c r="AS3" s="1184"/>
      <c r="AT3" s="1184"/>
      <c r="AU3" s="1184"/>
      <c r="AV3" s="1184"/>
      <c r="AW3" s="1184"/>
      <c r="AX3" s="1184"/>
      <c r="AY3" s="1184"/>
      <c r="AZ3" s="1184"/>
    </row>
    <row r="4" spans="1:52" ht="11.25" customHeight="1" x14ac:dyDescent="0.2">
      <c r="A4" s="14"/>
      <c r="B4" s="14"/>
      <c r="C4" s="14"/>
      <c r="D4" s="14"/>
      <c r="E4" s="14"/>
      <c r="F4" s="14"/>
      <c r="G4" s="14"/>
      <c r="H4" s="14"/>
      <c r="I4" s="14"/>
      <c r="J4" s="14"/>
      <c r="K4" s="14"/>
      <c r="L4" s="14"/>
      <c r="M4" s="14"/>
      <c r="N4" s="14"/>
      <c r="O4" s="14"/>
      <c r="P4" s="14"/>
      <c r="Q4" s="14"/>
      <c r="R4" s="14"/>
      <c r="S4" s="14"/>
      <c r="T4" s="14"/>
      <c r="U4" s="14"/>
      <c r="V4" s="14"/>
      <c r="W4" s="14"/>
      <c r="X4" s="14"/>
      <c r="Y4" s="14"/>
      <c r="Z4" s="14"/>
      <c r="AA4" s="14"/>
      <c r="AB4" s="14"/>
      <c r="AC4" s="14"/>
      <c r="AD4" s="14"/>
      <c r="AE4" s="14"/>
      <c r="AF4" s="14"/>
      <c r="AG4" s="14"/>
      <c r="AH4" s="14"/>
      <c r="AI4" s="14"/>
      <c r="AJ4" s="14"/>
      <c r="AK4" s="14"/>
      <c r="AL4" s="14"/>
      <c r="AM4" s="14"/>
      <c r="AN4" s="14"/>
      <c r="AO4" s="14"/>
      <c r="AP4" s="14"/>
      <c r="AQ4" s="14"/>
      <c r="AR4" s="14"/>
      <c r="AS4" s="14"/>
      <c r="AT4" s="14"/>
      <c r="AU4" s="14"/>
      <c r="AV4" s="14"/>
      <c r="AW4" s="14"/>
      <c r="AX4" s="14"/>
      <c r="AY4" s="14"/>
      <c r="AZ4" s="14"/>
    </row>
    <row r="5" spans="1:52" ht="11.25" customHeight="1" x14ac:dyDescent="0.2">
      <c r="A5" s="11"/>
      <c r="B5" s="11"/>
      <c r="C5" s="11"/>
      <c r="D5" s="13"/>
      <c r="E5" s="11"/>
      <c r="F5" s="11"/>
      <c r="G5" s="11"/>
      <c r="H5" s="11"/>
      <c r="I5" s="11"/>
      <c r="J5" s="11"/>
      <c r="K5" s="11"/>
      <c r="L5" s="11"/>
      <c r="M5" s="11"/>
      <c r="N5" s="11"/>
      <c r="O5" s="11"/>
      <c r="P5" s="11"/>
      <c r="Q5" s="11"/>
      <c r="R5" s="11"/>
      <c r="S5" s="11"/>
      <c r="T5" s="11"/>
      <c r="U5" s="11"/>
      <c r="V5" s="11"/>
      <c r="W5" s="11"/>
      <c r="X5" s="11"/>
      <c r="Y5" s="11"/>
      <c r="Z5" s="11"/>
      <c r="AA5" s="11"/>
      <c r="AB5" s="11"/>
      <c r="AC5" s="11"/>
      <c r="AD5" s="11"/>
      <c r="AE5" s="11"/>
      <c r="AF5" s="11"/>
      <c r="AG5" s="11"/>
      <c r="AH5" s="11"/>
      <c r="AI5" s="11"/>
      <c r="AJ5" s="11"/>
      <c r="AK5" s="7"/>
      <c r="AL5" s="7"/>
      <c r="AM5" s="7"/>
      <c r="AN5" s="7"/>
      <c r="AO5" s="7"/>
      <c r="AP5" s="7"/>
      <c r="AQ5" s="7"/>
      <c r="AR5" s="7"/>
      <c r="AS5" s="7"/>
      <c r="AT5" s="7"/>
      <c r="AU5" s="7"/>
      <c r="AV5" s="7"/>
      <c r="AW5" s="7"/>
      <c r="AX5" s="7"/>
      <c r="AY5" s="7"/>
      <c r="AZ5" s="11"/>
    </row>
    <row r="6" spans="1:52" ht="11.25" customHeight="1" x14ac:dyDescent="0.2">
      <c r="A6" s="11"/>
      <c r="B6" s="11"/>
      <c r="C6" s="11"/>
      <c r="D6" s="13"/>
      <c r="E6" s="11"/>
      <c r="F6" s="11"/>
      <c r="G6" s="11"/>
      <c r="H6" s="11"/>
      <c r="I6" s="11"/>
      <c r="J6" s="11"/>
      <c r="K6" s="11"/>
      <c r="L6" s="11"/>
      <c r="M6" s="11"/>
      <c r="N6" s="11"/>
      <c r="O6" s="11"/>
      <c r="P6" s="11"/>
      <c r="Q6" s="11"/>
      <c r="R6" s="11"/>
      <c r="S6" s="11"/>
      <c r="T6" s="11"/>
      <c r="U6" s="11"/>
      <c r="V6" s="11"/>
      <c r="W6" s="11"/>
      <c r="X6" s="11"/>
      <c r="Y6" s="11"/>
      <c r="Z6" s="11"/>
      <c r="AA6" s="11"/>
      <c r="AB6" s="11"/>
      <c r="AC6" s="11"/>
      <c r="AD6" s="11"/>
      <c r="AE6" s="11"/>
      <c r="AF6" s="11"/>
      <c r="AG6" s="11"/>
      <c r="AH6" s="11"/>
      <c r="AI6" s="11"/>
      <c r="AJ6" s="11"/>
      <c r="AK6" s="11"/>
      <c r="AL6" s="11"/>
      <c r="AM6" s="7"/>
      <c r="AN6" s="7"/>
      <c r="AO6" s="7"/>
      <c r="AP6" s="7"/>
      <c r="AQ6" s="7"/>
      <c r="AR6" s="7"/>
      <c r="AS6" s="7"/>
      <c r="AT6" s="7"/>
      <c r="AU6" s="7"/>
      <c r="AV6" s="7"/>
      <c r="AW6" s="7"/>
      <c r="AX6" s="7"/>
      <c r="AY6" s="7"/>
      <c r="AZ6" s="7"/>
    </row>
    <row r="7" spans="1:52" ht="11.25" customHeight="1" x14ac:dyDescent="0.2">
      <c r="A7" s="11"/>
      <c r="B7" s="11"/>
      <c r="C7" s="11"/>
      <c r="D7" s="13"/>
      <c r="E7" s="11"/>
      <c r="F7" s="11"/>
      <c r="G7" s="11"/>
      <c r="H7" s="11"/>
      <c r="I7" s="11"/>
      <c r="J7" s="11"/>
      <c r="K7" s="11"/>
      <c r="L7" s="11"/>
      <c r="M7" s="11"/>
      <c r="N7" s="11"/>
      <c r="O7" s="11"/>
      <c r="P7" s="11"/>
      <c r="Q7" s="11"/>
      <c r="R7" s="11"/>
      <c r="S7" s="11"/>
      <c r="T7" s="11"/>
      <c r="U7" s="11"/>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row>
    <row r="8" spans="1:52" ht="11.25" customHeight="1" x14ac:dyDescent="0.2">
      <c r="A8" s="11"/>
      <c r="B8" s="11"/>
      <c r="C8" s="11"/>
      <c r="D8" s="13"/>
      <c r="E8" s="11"/>
      <c r="F8" s="11"/>
      <c r="G8" s="11"/>
      <c r="H8" s="11"/>
      <c r="I8" s="11"/>
      <c r="J8" s="11"/>
      <c r="K8" s="11"/>
      <c r="L8" s="11"/>
      <c r="M8" s="11"/>
      <c r="N8" s="11"/>
      <c r="O8" s="11"/>
      <c r="P8" s="11"/>
      <c r="Q8" s="11"/>
      <c r="R8" s="11"/>
      <c r="S8" s="11"/>
      <c r="T8" s="11"/>
      <c r="U8" s="11"/>
      <c r="V8" s="11"/>
      <c r="W8" s="11"/>
      <c r="X8" s="11"/>
      <c r="Y8" s="11"/>
      <c r="Z8" s="11"/>
      <c r="AA8" s="11"/>
      <c r="AB8" s="11"/>
      <c r="AC8" s="11"/>
      <c r="AD8" s="11"/>
      <c r="AE8" s="11"/>
      <c r="AF8" s="11"/>
      <c r="AG8" s="11"/>
      <c r="AH8" s="11"/>
      <c r="AI8" s="11"/>
      <c r="AJ8" s="11"/>
      <c r="AK8" s="11"/>
      <c r="AL8" s="11"/>
      <c r="AM8" s="11"/>
      <c r="AN8" s="11"/>
      <c r="AO8" s="11"/>
      <c r="AP8" s="11"/>
      <c r="AQ8" s="11"/>
      <c r="AR8" s="11"/>
      <c r="AS8" s="11"/>
      <c r="AT8" s="11"/>
      <c r="AU8" s="11"/>
      <c r="AV8" s="11"/>
      <c r="AW8" s="11"/>
      <c r="AX8" s="11"/>
      <c r="AY8" s="11"/>
      <c r="AZ8" s="11"/>
    </row>
    <row r="9" spans="1:52" ht="11.25" customHeight="1" x14ac:dyDescent="0.2">
      <c r="A9" s="11"/>
      <c r="B9" s="11"/>
      <c r="C9" s="11"/>
      <c r="D9" s="13"/>
      <c r="E9" s="11"/>
      <c r="F9" s="11"/>
      <c r="G9" s="11"/>
      <c r="H9" s="11"/>
      <c r="I9" s="11"/>
      <c r="J9" s="11"/>
      <c r="K9" s="11"/>
      <c r="L9" s="11"/>
      <c r="M9" s="11"/>
      <c r="N9" s="11"/>
      <c r="O9" s="11"/>
      <c r="P9" s="11"/>
      <c r="Q9" s="11"/>
      <c r="R9" s="11"/>
      <c r="S9" s="11"/>
      <c r="T9" s="11"/>
      <c r="U9" s="11"/>
      <c r="V9" s="11"/>
      <c r="W9" s="11"/>
      <c r="X9" s="11"/>
      <c r="Y9" s="11"/>
      <c r="Z9" s="11"/>
      <c r="AA9" s="11"/>
      <c r="AB9" s="11"/>
      <c r="AC9" s="11"/>
      <c r="AD9" s="11"/>
      <c r="AE9" s="11"/>
      <c r="AF9" s="11"/>
      <c r="AG9" s="11"/>
      <c r="AH9" s="11"/>
      <c r="AI9" s="11"/>
      <c r="AJ9" s="11"/>
      <c r="AK9" s="11"/>
      <c r="AL9" s="11"/>
      <c r="AM9" s="11"/>
      <c r="AN9" s="7"/>
      <c r="AO9" s="7"/>
      <c r="AP9" s="7"/>
      <c r="AQ9" s="11"/>
      <c r="AR9" s="11"/>
      <c r="AS9" s="11"/>
      <c r="AT9" s="11"/>
      <c r="AU9" s="11"/>
      <c r="AV9" s="11"/>
      <c r="AW9" s="11"/>
      <c r="AX9" s="11"/>
      <c r="AY9" s="11"/>
      <c r="AZ9" s="11"/>
    </row>
    <row r="10" spans="1:52" ht="11.25" customHeight="1" x14ac:dyDescent="0.2">
      <c r="A10" s="11"/>
      <c r="B10" s="11"/>
      <c r="C10" s="11"/>
      <c r="D10" s="13"/>
      <c r="E10" s="11"/>
      <c r="F10" s="11"/>
      <c r="G10" s="11"/>
      <c r="H10" s="11"/>
      <c r="I10" s="11"/>
      <c r="J10" s="11"/>
      <c r="K10" s="11"/>
      <c r="L10" s="11"/>
      <c r="M10" s="11"/>
      <c r="N10" s="11"/>
      <c r="O10" s="11"/>
      <c r="P10" s="11"/>
      <c r="Q10" s="11"/>
      <c r="R10" s="11"/>
      <c r="S10" s="11"/>
      <c r="T10" s="11"/>
      <c r="U10" s="11"/>
      <c r="V10" s="11"/>
      <c r="W10" s="11"/>
      <c r="X10" s="11"/>
      <c r="Y10" s="11"/>
      <c r="Z10" s="11"/>
      <c r="AA10" s="11"/>
      <c r="AB10" s="11"/>
      <c r="AC10" s="11"/>
      <c r="AD10" s="11"/>
      <c r="AE10" s="11"/>
      <c r="AF10" s="11"/>
      <c r="AG10" s="11"/>
      <c r="AH10" s="11"/>
      <c r="AI10" s="11"/>
      <c r="AJ10" s="11"/>
      <c r="AK10" s="11"/>
      <c r="AL10" s="11"/>
      <c r="AM10" s="11"/>
      <c r="AN10" s="7"/>
      <c r="AO10" s="7"/>
      <c r="AP10" s="7"/>
      <c r="AQ10" s="11"/>
      <c r="AR10" s="11"/>
      <c r="AS10" s="11"/>
      <c r="AT10" s="11"/>
      <c r="AU10" s="11"/>
      <c r="AV10" s="11"/>
      <c r="AW10" s="11"/>
      <c r="AX10" s="11"/>
      <c r="AY10" s="11"/>
      <c r="AZ10" s="11"/>
    </row>
    <row r="11" spans="1:52" ht="11.25" customHeight="1" x14ac:dyDescent="0.2">
      <c r="A11" s="11"/>
      <c r="B11" s="11"/>
      <c r="C11" s="11"/>
      <c r="D11" s="13"/>
      <c r="E11" s="11"/>
      <c r="F11" s="11"/>
      <c r="G11" s="11"/>
      <c r="H11" s="11"/>
      <c r="I11" s="11"/>
      <c r="J11" s="11"/>
      <c r="K11" s="11"/>
      <c r="L11" s="11"/>
      <c r="M11" s="11"/>
      <c r="N11" s="11"/>
      <c r="O11" s="11"/>
      <c r="P11" s="11"/>
      <c r="Q11" s="11"/>
      <c r="R11" s="11"/>
      <c r="S11" s="11"/>
      <c r="T11" s="11"/>
      <c r="U11" s="11"/>
      <c r="V11" s="11"/>
      <c r="W11" s="11"/>
      <c r="X11" s="11"/>
      <c r="Y11" s="11"/>
      <c r="Z11" s="11"/>
      <c r="AA11" s="11"/>
      <c r="AB11" s="11"/>
      <c r="AC11" s="11"/>
      <c r="AD11" s="1185"/>
      <c r="AE11" s="1185"/>
      <c r="AF11" s="1185"/>
      <c r="AG11" s="1185"/>
      <c r="AH11" s="1185"/>
      <c r="AI11" s="1185"/>
      <c r="AJ11" s="1185"/>
      <c r="AK11" s="1185"/>
      <c r="AL11" s="1185"/>
      <c r="AM11" s="1185"/>
      <c r="AN11" s="1186"/>
      <c r="AO11" s="1186"/>
      <c r="AP11" s="5"/>
      <c r="AQ11" s="5"/>
      <c r="AR11" s="5"/>
      <c r="AS11" s="11"/>
      <c r="AT11" s="11"/>
      <c r="AU11" s="11"/>
      <c r="AV11" s="11"/>
      <c r="AW11" s="7"/>
      <c r="AX11" s="7"/>
      <c r="AY11" s="7"/>
      <c r="AZ11" s="11"/>
    </row>
    <row r="12" spans="1:52" ht="11.25" customHeight="1" x14ac:dyDescent="0.2">
      <c r="A12" s="11"/>
      <c r="B12" s="11"/>
      <c r="C12" s="11"/>
      <c r="D12" s="13"/>
      <c r="E12" s="11"/>
      <c r="F12" s="11"/>
      <c r="G12" s="11"/>
      <c r="H12" s="11"/>
      <c r="I12" s="11"/>
      <c r="J12" s="11"/>
      <c r="K12" s="11"/>
      <c r="L12" s="11"/>
      <c r="M12" s="11"/>
      <c r="N12" s="11"/>
      <c r="O12" s="11"/>
      <c r="P12" s="11"/>
      <c r="Q12" s="11"/>
      <c r="R12" s="11"/>
      <c r="S12" s="11"/>
      <c r="T12" s="11"/>
      <c r="U12" s="11"/>
      <c r="V12" s="11"/>
      <c r="W12" s="11"/>
      <c r="X12" s="11"/>
      <c r="Y12" s="11"/>
      <c r="Z12" s="11"/>
      <c r="AA12" s="11"/>
      <c r="AB12" s="11"/>
      <c r="AC12" s="11"/>
      <c r="AD12" s="1185"/>
      <c r="AE12" s="1185"/>
      <c r="AF12" s="1185"/>
      <c r="AG12" s="1185"/>
      <c r="AH12" s="1185"/>
      <c r="AI12" s="1185"/>
      <c r="AJ12" s="1185"/>
      <c r="AK12" s="1185"/>
      <c r="AL12" s="1185"/>
      <c r="AM12" s="1185"/>
      <c r="AN12" s="1186"/>
      <c r="AO12" s="1186"/>
      <c r="AP12" s="5"/>
      <c r="AQ12" s="5"/>
      <c r="AR12" s="5"/>
      <c r="AS12" s="7"/>
      <c r="AT12" s="11"/>
      <c r="AU12" s="11"/>
      <c r="AV12" s="11"/>
      <c r="AW12" s="7"/>
      <c r="AX12" s="7"/>
      <c r="AY12" s="7"/>
      <c r="AZ12" s="11"/>
    </row>
    <row r="13" spans="1:52" ht="11.25" customHeight="1" x14ac:dyDescent="0.2">
      <c r="A13" s="11"/>
      <c r="B13" s="11"/>
      <c r="C13" s="11"/>
      <c r="D13" s="13"/>
      <c r="E13" s="11"/>
      <c r="F13" s="11"/>
      <c r="G13" s="11"/>
      <c r="H13" s="11"/>
      <c r="I13" s="11"/>
      <c r="J13" s="11"/>
      <c r="K13" s="11"/>
      <c r="L13" s="11"/>
      <c r="M13" s="11"/>
      <c r="N13" s="11"/>
      <c r="O13" s="11"/>
      <c r="P13" s="11"/>
      <c r="Q13" s="11"/>
      <c r="R13" s="11"/>
      <c r="S13" s="11"/>
      <c r="T13" s="11"/>
      <c r="U13" s="11"/>
      <c r="V13" s="11"/>
      <c r="W13" s="11"/>
      <c r="X13" s="11"/>
      <c r="Y13" s="11"/>
      <c r="Z13" s="11"/>
      <c r="AA13" s="11"/>
      <c r="AB13" s="11"/>
      <c r="AC13" s="1185"/>
      <c r="AD13" s="1185"/>
      <c r="AE13" s="1185"/>
      <c r="AF13" s="1185"/>
      <c r="AG13" s="1185"/>
      <c r="AH13" s="1185"/>
      <c r="AI13" s="1185"/>
      <c r="AJ13" s="1185"/>
      <c r="AK13" s="1185"/>
      <c r="AL13" s="1185"/>
      <c r="AM13" s="1185"/>
      <c r="AN13" s="1186"/>
      <c r="AO13" s="1186"/>
      <c r="AP13" s="7"/>
      <c r="AQ13" s="7"/>
      <c r="AR13" s="7"/>
      <c r="AS13" s="7"/>
      <c r="AT13" s="11"/>
      <c r="AU13" s="11"/>
      <c r="AV13" s="11"/>
      <c r="AW13" s="7"/>
      <c r="AX13" s="7"/>
      <c r="AY13" s="7"/>
      <c r="AZ13" s="11"/>
    </row>
    <row r="14" spans="1:52" ht="11.25" customHeight="1" x14ac:dyDescent="0.2">
      <c r="A14" s="11"/>
      <c r="B14" s="11"/>
      <c r="C14" s="11"/>
      <c r="D14" s="13"/>
      <c r="E14" s="11"/>
      <c r="F14" s="11"/>
      <c r="G14" s="11"/>
      <c r="H14" s="11"/>
      <c r="I14" s="11"/>
      <c r="J14" s="11"/>
      <c r="K14" s="11"/>
      <c r="L14" s="11"/>
      <c r="M14" s="11"/>
      <c r="N14" s="11"/>
      <c r="O14" s="11"/>
      <c r="P14" s="11"/>
      <c r="Q14" s="11"/>
      <c r="R14" s="11"/>
      <c r="S14" s="11"/>
      <c r="T14" s="11"/>
      <c r="U14" s="11"/>
      <c r="V14" s="11"/>
      <c r="W14" s="11"/>
      <c r="X14" s="11"/>
      <c r="Y14" s="11"/>
      <c r="Z14" s="11"/>
      <c r="AA14" s="11"/>
      <c r="AB14" s="11"/>
      <c r="AC14" s="1185"/>
      <c r="AD14" s="1185"/>
      <c r="AE14" s="1185"/>
      <c r="AF14" s="1185"/>
      <c r="AG14" s="1185"/>
      <c r="AH14" s="1185"/>
      <c r="AI14" s="1185"/>
      <c r="AJ14" s="1185"/>
      <c r="AK14" s="1185"/>
      <c r="AL14" s="1185"/>
      <c r="AM14" s="1185"/>
      <c r="AN14" s="1186"/>
      <c r="AO14" s="1186"/>
      <c r="AP14" s="5"/>
      <c r="AQ14" s="5"/>
      <c r="AR14" s="5"/>
      <c r="AS14" s="5"/>
      <c r="AT14" s="5"/>
      <c r="AU14" s="5"/>
      <c r="AV14" s="5"/>
      <c r="AW14" s="5"/>
      <c r="AX14" s="1186"/>
      <c r="AY14" s="1186"/>
      <c r="AZ14" s="1186"/>
    </row>
    <row r="15" spans="1:52" ht="11.25" customHeight="1" x14ac:dyDescent="0.2">
      <c r="A15" s="11"/>
      <c r="B15" s="15"/>
      <c r="C15" s="7"/>
      <c r="D15" s="11"/>
      <c r="E15" s="11"/>
      <c r="F15" s="11"/>
      <c r="G15" s="11"/>
      <c r="H15" s="11"/>
      <c r="I15" s="11"/>
      <c r="J15" s="11"/>
      <c r="K15" s="11"/>
      <c r="L15" s="11"/>
      <c r="M15" s="11"/>
      <c r="N15" s="11"/>
      <c r="O15" s="11"/>
      <c r="P15" s="7"/>
      <c r="Q15" s="11"/>
      <c r="R15" s="16"/>
      <c r="S15" s="16"/>
      <c r="T15" s="11"/>
      <c r="U15" s="15"/>
      <c r="V15" s="15"/>
      <c r="W15" s="15"/>
      <c r="X15" s="15"/>
      <c r="Y15" s="15"/>
      <c r="Z15" s="15"/>
      <c r="AA15" s="15"/>
      <c r="AB15" s="15"/>
      <c r="AC15" s="17"/>
      <c r="AD15" s="17"/>
      <c r="AE15" s="17"/>
      <c r="AF15" s="17"/>
      <c r="AG15" s="17"/>
      <c r="AH15" s="17"/>
      <c r="AI15" s="17"/>
      <c r="AJ15" s="17"/>
      <c r="AK15" s="17"/>
      <c r="AL15" s="17"/>
      <c r="AM15" s="17"/>
      <c r="AN15" s="17"/>
      <c r="AO15" s="17"/>
      <c r="AP15" s="17"/>
      <c r="AQ15" s="17"/>
      <c r="AR15" s="17"/>
      <c r="AS15" s="17"/>
      <c r="AT15" s="9"/>
      <c r="AU15" s="8"/>
      <c r="AV15" s="8"/>
      <c r="AW15" s="8"/>
      <c r="AX15" s="1186"/>
      <c r="AY15" s="1186"/>
      <c r="AZ15" s="1186"/>
    </row>
    <row r="16" spans="1:52" ht="11.25" customHeight="1" x14ac:dyDescent="0.2">
      <c r="A16" s="11"/>
      <c r="B16" s="15"/>
      <c r="C16" s="15"/>
      <c r="D16" s="13"/>
      <c r="E16" s="11"/>
      <c r="F16" s="11"/>
      <c r="G16" s="11"/>
      <c r="H16" s="11"/>
      <c r="I16" s="11"/>
      <c r="J16" s="11"/>
      <c r="K16" s="11"/>
      <c r="L16" s="11"/>
      <c r="M16" s="11"/>
      <c r="N16" s="11"/>
      <c r="O16" s="11"/>
      <c r="P16" s="11"/>
      <c r="Q16" s="11"/>
      <c r="R16" s="11"/>
      <c r="S16" s="11"/>
      <c r="T16" s="11"/>
      <c r="U16" s="15"/>
      <c r="V16" s="15"/>
      <c r="W16" s="15"/>
      <c r="X16" s="15"/>
      <c r="Y16" s="15"/>
      <c r="Z16" s="15"/>
      <c r="AA16" s="15"/>
      <c r="AB16" s="15"/>
      <c r="AC16" s="17"/>
      <c r="AD16" s="17"/>
      <c r="AE16" s="17"/>
      <c r="AF16" s="17"/>
      <c r="AG16" s="17"/>
      <c r="AH16" s="17"/>
      <c r="AI16" s="17"/>
      <c r="AJ16" s="17"/>
      <c r="AK16" s="17"/>
      <c r="AL16" s="17"/>
      <c r="AM16" s="17"/>
      <c r="AN16" s="17"/>
      <c r="AO16" s="17"/>
      <c r="AP16" s="17"/>
      <c r="AQ16" s="17"/>
      <c r="AR16" s="17"/>
      <c r="AS16" s="17"/>
      <c r="AT16" s="5"/>
      <c r="AU16" s="5"/>
      <c r="AV16" s="5"/>
      <c r="AW16" s="5"/>
      <c r="AX16" s="1186"/>
      <c r="AY16" s="1186"/>
      <c r="AZ16" s="1186"/>
    </row>
    <row r="17" spans="1:52" ht="11.25" customHeight="1" x14ac:dyDescent="0.2">
      <c r="A17" s="11"/>
      <c r="B17" s="15"/>
      <c r="C17" s="18"/>
      <c r="D17" s="11"/>
      <c r="E17" s="15"/>
      <c r="F17" s="15"/>
      <c r="G17" s="15"/>
      <c r="H17" s="15"/>
      <c r="I17" s="15"/>
      <c r="J17" s="15"/>
      <c r="K17" s="15"/>
      <c r="L17" s="15"/>
      <c r="M17" s="15"/>
      <c r="N17" s="15"/>
      <c r="O17" s="15"/>
      <c r="P17" s="15"/>
      <c r="Q17" s="15"/>
      <c r="R17" s="15"/>
      <c r="S17" s="15"/>
      <c r="T17" s="15"/>
      <c r="U17" s="15"/>
      <c r="V17" s="15"/>
      <c r="W17" s="15"/>
      <c r="X17" s="15"/>
      <c r="Y17" s="15"/>
      <c r="Z17" s="15"/>
      <c r="AA17" s="15"/>
      <c r="AB17" s="15"/>
      <c r="AC17" s="15"/>
      <c r="AD17" s="15"/>
      <c r="AE17" s="15"/>
      <c r="AF17" s="15"/>
      <c r="AG17" s="15"/>
      <c r="AH17" s="15"/>
      <c r="AI17" s="15"/>
      <c r="AJ17" s="15"/>
      <c r="AK17" s="11"/>
      <c r="AL17" s="11"/>
      <c r="AM17" s="11"/>
      <c r="AN17" s="11"/>
      <c r="AO17" s="11"/>
      <c r="AP17" s="11"/>
      <c r="AQ17" s="11"/>
      <c r="AR17" s="11"/>
      <c r="AS17" s="11"/>
      <c r="AT17" s="11"/>
      <c r="AU17" s="11"/>
      <c r="AV17" s="11"/>
      <c r="AW17" s="11"/>
      <c r="AX17" s="7"/>
      <c r="AY17" s="7"/>
      <c r="AZ17" s="7"/>
    </row>
    <row r="18" spans="1:52" ht="11.25" customHeight="1" x14ac:dyDescent="0.2">
      <c r="A18" s="11"/>
      <c r="B18" s="15"/>
      <c r="C18" s="18"/>
      <c r="D18" s="11"/>
      <c r="E18" s="15"/>
      <c r="F18" s="15"/>
      <c r="G18" s="15"/>
      <c r="H18" s="15"/>
      <c r="I18" s="15"/>
      <c r="J18" s="15"/>
      <c r="K18" s="15"/>
      <c r="L18" s="15"/>
      <c r="M18" s="15"/>
      <c r="N18" s="15"/>
      <c r="O18" s="15"/>
      <c r="P18" s="15"/>
      <c r="Q18" s="15"/>
      <c r="R18" s="15"/>
      <c r="S18" s="15"/>
      <c r="T18" s="15"/>
      <c r="U18" s="15"/>
      <c r="V18" s="15"/>
      <c r="W18" s="15"/>
      <c r="X18" s="15"/>
      <c r="Y18" s="15"/>
      <c r="Z18" s="15"/>
      <c r="AA18" s="15"/>
      <c r="AB18" s="15"/>
      <c r="AC18" s="15"/>
      <c r="AD18" s="15"/>
      <c r="AE18" s="15"/>
      <c r="AF18" s="15"/>
      <c r="AG18" s="15"/>
      <c r="AH18" s="15"/>
      <c r="AI18" s="15"/>
      <c r="AJ18" s="15"/>
      <c r="AK18" s="11"/>
      <c r="AL18" s="11"/>
      <c r="AM18" s="11"/>
      <c r="AN18" s="11"/>
      <c r="AO18" s="11"/>
      <c r="AP18" s="11"/>
      <c r="AQ18" s="11"/>
      <c r="AR18" s="11"/>
      <c r="AS18" s="11"/>
      <c r="AT18" s="11"/>
      <c r="AU18" s="11"/>
      <c r="AV18" s="11"/>
      <c r="AW18" s="11"/>
      <c r="AX18" s="7"/>
      <c r="AY18" s="7"/>
      <c r="AZ18" s="7"/>
    </row>
    <row r="19" spans="1:52" ht="11.25" customHeight="1" x14ac:dyDescent="0.2">
      <c r="A19" s="11"/>
      <c r="B19" s="9" t="s">
        <v>30</v>
      </c>
      <c r="C19" s="18"/>
      <c r="D19" s="11"/>
      <c r="E19" s="15"/>
      <c r="F19" s="15"/>
      <c r="G19" s="15"/>
      <c r="H19" s="15"/>
      <c r="I19" s="15"/>
      <c r="J19" s="15"/>
      <c r="K19" s="15"/>
      <c r="L19" s="15"/>
      <c r="M19" s="15"/>
      <c r="N19" s="15"/>
      <c r="O19" s="15"/>
      <c r="P19" s="15"/>
      <c r="Q19" s="15"/>
      <c r="R19" s="15"/>
      <c r="S19" s="15"/>
      <c r="T19" s="15"/>
      <c r="U19" s="15"/>
      <c r="V19" s="15"/>
      <c r="W19" s="15"/>
      <c r="X19" s="15"/>
      <c r="Y19" s="15"/>
      <c r="Z19" s="15"/>
      <c r="AA19" s="15"/>
      <c r="AB19" s="15"/>
      <c r="AC19" s="15"/>
      <c r="AD19" s="15"/>
      <c r="AE19" s="15"/>
      <c r="AF19" s="15"/>
      <c r="AG19" s="15"/>
      <c r="AH19" s="15"/>
      <c r="AI19" s="15"/>
      <c r="AJ19" s="15"/>
      <c r="AK19" s="11"/>
      <c r="AL19" s="11"/>
      <c r="AM19" s="11"/>
      <c r="AN19" s="11"/>
      <c r="AO19" s="11"/>
      <c r="AP19" s="11"/>
      <c r="AQ19" s="11"/>
      <c r="AR19" s="11"/>
      <c r="AS19" s="11"/>
      <c r="AT19" s="11"/>
      <c r="AU19" s="11"/>
      <c r="AV19" s="11"/>
      <c r="AW19" s="11"/>
      <c r="AX19" s="11"/>
      <c r="AY19" s="11"/>
      <c r="AZ19" s="11"/>
    </row>
    <row r="20" spans="1:52" ht="11.25" customHeight="1" x14ac:dyDescent="0.2">
      <c r="A20" s="11"/>
      <c r="B20" s="7"/>
      <c r="C20" s="7"/>
      <c r="D20" s="13"/>
      <c r="E20" s="7"/>
      <c r="F20" s="7"/>
      <c r="G20" s="7"/>
      <c r="H20" s="7"/>
      <c r="I20" s="7"/>
      <c r="J20" s="7"/>
      <c r="K20" s="7"/>
      <c r="L20" s="7"/>
      <c r="M20" s="7"/>
      <c r="N20" s="7"/>
      <c r="O20" s="7"/>
      <c r="P20" s="7"/>
      <c r="Q20" s="7"/>
      <c r="R20" s="7"/>
      <c r="S20" s="7"/>
      <c r="T20" s="7"/>
      <c r="U20" s="7"/>
      <c r="V20" s="7"/>
      <c r="W20" s="7"/>
      <c r="X20" s="7"/>
      <c r="Y20" s="7"/>
      <c r="Z20" s="7"/>
      <c r="AA20" s="7"/>
      <c r="AB20" s="7"/>
      <c r="AC20" s="7"/>
      <c r="AD20" s="7"/>
      <c r="AE20" s="7"/>
      <c r="AF20" s="7"/>
      <c r="AG20" s="7"/>
      <c r="AH20" s="7"/>
      <c r="AI20" s="7"/>
      <c r="AJ20" s="7"/>
      <c r="AK20" s="7"/>
      <c r="AL20" s="7"/>
      <c r="AM20" s="7"/>
      <c r="AN20" s="7"/>
      <c r="AO20" s="7"/>
      <c r="AP20" s="7"/>
      <c r="AQ20" s="7"/>
      <c r="AR20" s="7"/>
      <c r="AS20" s="7"/>
      <c r="AT20" s="7"/>
      <c r="AU20" s="7"/>
      <c r="AV20" s="7"/>
      <c r="AW20" s="7"/>
      <c r="AX20" s="7"/>
      <c r="AY20" s="7"/>
      <c r="AZ20" s="7"/>
    </row>
    <row r="21" spans="1:52" ht="11.25" customHeight="1" x14ac:dyDescent="0.2">
      <c r="A21" s="11"/>
      <c r="B21" s="1187" t="s">
        <v>31</v>
      </c>
      <c r="C21" s="1188"/>
      <c r="D21" s="1188"/>
      <c r="E21" s="1188"/>
      <c r="F21" s="1188"/>
      <c r="G21" s="1188"/>
      <c r="H21" s="1188"/>
      <c r="I21" s="1188"/>
      <c r="J21" s="1188"/>
      <c r="K21" s="1189"/>
      <c r="L21" s="1193"/>
      <c r="M21" s="1194"/>
      <c r="N21" s="1194"/>
      <c r="O21" s="1194"/>
      <c r="P21" s="1194"/>
      <c r="Q21" s="1194"/>
      <c r="R21" s="1194"/>
      <c r="S21" s="1194"/>
      <c r="T21" s="1194"/>
      <c r="U21" s="1194"/>
      <c r="V21" s="1194"/>
      <c r="W21" s="1194"/>
      <c r="X21" s="1194"/>
      <c r="Y21" s="1194"/>
      <c r="Z21" s="1194"/>
      <c r="AA21" s="1194"/>
      <c r="AB21" s="1194"/>
      <c r="AC21" s="1194"/>
      <c r="AD21" s="1194"/>
      <c r="AE21" s="1194"/>
      <c r="AF21" s="1195"/>
      <c r="AG21" s="1187" t="s">
        <v>32</v>
      </c>
      <c r="AH21" s="1194"/>
      <c r="AI21" s="1194"/>
      <c r="AJ21" s="1194"/>
      <c r="AK21" s="1194"/>
      <c r="AL21" s="1194"/>
      <c r="AM21" s="1194"/>
      <c r="AN21" s="1194"/>
      <c r="AO21" s="1194"/>
      <c r="AP21" s="1195"/>
      <c r="AQ21" s="1199"/>
      <c r="AR21" s="1201"/>
      <c r="AS21" s="1201"/>
      <c r="AT21" s="1201"/>
      <c r="AU21" s="1201"/>
      <c r="AV21" s="1201"/>
      <c r="AW21" s="1201"/>
      <c r="AX21" s="1201"/>
      <c r="AY21" s="1201"/>
      <c r="AZ21" s="1204"/>
    </row>
    <row r="22" spans="1:52" ht="11.25" customHeight="1" x14ac:dyDescent="0.2">
      <c r="A22" s="11"/>
      <c r="B22" s="1190"/>
      <c r="C22" s="1191"/>
      <c r="D22" s="1191"/>
      <c r="E22" s="1191"/>
      <c r="F22" s="1191"/>
      <c r="G22" s="1191"/>
      <c r="H22" s="1191"/>
      <c r="I22" s="1191"/>
      <c r="J22" s="1191"/>
      <c r="K22" s="1192"/>
      <c r="L22" s="1196"/>
      <c r="M22" s="1197"/>
      <c r="N22" s="1197"/>
      <c r="O22" s="1197"/>
      <c r="P22" s="1197"/>
      <c r="Q22" s="1197"/>
      <c r="R22" s="1197"/>
      <c r="S22" s="1197"/>
      <c r="T22" s="1197"/>
      <c r="U22" s="1197"/>
      <c r="V22" s="1197"/>
      <c r="W22" s="1197"/>
      <c r="X22" s="1197"/>
      <c r="Y22" s="1197"/>
      <c r="Z22" s="1197"/>
      <c r="AA22" s="1197"/>
      <c r="AB22" s="1197"/>
      <c r="AC22" s="1197"/>
      <c r="AD22" s="1197"/>
      <c r="AE22" s="1197"/>
      <c r="AF22" s="1198"/>
      <c r="AG22" s="1196"/>
      <c r="AH22" s="1197"/>
      <c r="AI22" s="1197"/>
      <c r="AJ22" s="1197"/>
      <c r="AK22" s="1197"/>
      <c r="AL22" s="1197"/>
      <c r="AM22" s="1197"/>
      <c r="AN22" s="1197"/>
      <c r="AO22" s="1197"/>
      <c r="AP22" s="1198"/>
      <c r="AQ22" s="1200"/>
      <c r="AR22" s="1202"/>
      <c r="AS22" s="1203"/>
      <c r="AT22" s="1203"/>
      <c r="AU22" s="1203"/>
      <c r="AV22" s="1203"/>
      <c r="AW22" s="1203"/>
      <c r="AX22" s="1203"/>
      <c r="AY22" s="1203"/>
      <c r="AZ22" s="1205"/>
    </row>
    <row r="23" spans="1:52" ht="11.25" customHeight="1" x14ac:dyDescent="0.2">
      <c r="A23" s="11"/>
      <c r="B23" s="8"/>
      <c r="C23" s="8"/>
      <c r="D23" s="6"/>
      <c r="E23" s="8"/>
      <c r="F23" s="8"/>
      <c r="G23" s="8"/>
      <c r="H23" s="8"/>
      <c r="I23" s="8"/>
      <c r="J23" s="8"/>
      <c r="K23" s="8"/>
      <c r="L23" s="8"/>
      <c r="M23" s="8"/>
      <c r="N23" s="8"/>
      <c r="O23" s="8"/>
      <c r="P23" s="8"/>
      <c r="Q23" s="8"/>
      <c r="R23" s="8"/>
      <c r="S23" s="8"/>
      <c r="T23" s="8"/>
      <c r="U23" s="8"/>
      <c r="V23" s="8"/>
      <c r="W23" s="8"/>
      <c r="X23" s="8"/>
      <c r="Y23" s="8"/>
      <c r="Z23" s="8"/>
      <c r="AA23" s="8"/>
      <c r="AB23" s="8"/>
      <c r="AC23" s="8"/>
      <c r="AD23" s="8"/>
      <c r="AE23" s="8"/>
      <c r="AF23" s="8"/>
      <c r="AG23" s="8"/>
      <c r="AH23" s="8"/>
      <c r="AI23" s="8"/>
      <c r="AJ23" s="8"/>
      <c r="AK23" s="8"/>
      <c r="AL23" s="8"/>
      <c r="AM23" s="8"/>
      <c r="AN23" s="8"/>
      <c r="AO23" s="8"/>
      <c r="AP23" s="8"/>
      <c r="AQ23" s="8"/>
      <c r="AR23" s="8"/>
      <c r="AS23" s="8"/>
      <c r="AT23" s="8"/>
      <c r="AU23" s="8"/>
      <c r="AV23" s="8"/>
      <c r="AW23" s="8"/>
      <c r="AX23" s="8"/>
      <c r="AY23" s="8"/>
      <c r="AZ23" s="8"/>
    </row>
    <row r="24" spans="1:52" ht="11.25" customHeight="1" x14ac:dyDescent="0.2">
      <c r="A24" s="11"/>
      <c r="B24" s="1187" t="s">
        <v>33</v>
      </c>
      <c r="C24" s="1188"/>
      <c r="D24" s="1188"/>
      <c r="E24" s="1188"/>
      <c r="F24" s="1188"/>
      <c r="G24" s="1188"/>
      <c r="H24" s="1188"/>
      <c r="I24" s="1188"/>
      <c r="J24" s="1188"/>
      <c r="K24" s="1189"/>
      <c r="L24" s="19"/>
      <c r="M24" s="20"/>
      <c r="N24" s="20"/>
      <c r="O24" s="20"/>
      <c r="P24" s="20"/>
      <c r="Q24" s="20"/>
      <c r="R24" s="20"/>
      <c r="S24" s="20"/>
      <c r="T24" s="20"/>
      <c r="U24" s="20"/>
      <c r="V24" s="20"/>
      <c r="W24" s="1188" t="s">
        <v>34</v>
      </c>
      <c r="X24" s="1188"/>
      <c r="Y24" s="1188"/>
      <c r="Z24" s="1188"/>
      <c r="AA24" s="1188"/>
      <c r="AB24" s="1188" t="s">
        <v>35</v>
      </c>
      <c r="AC24" s="1188"/>
      <c r="AD24" s="1188"/>
      <c r="AE24" s="1188"/>
      <c r="AF24" s="1188" t="s">
        <v>36</v>
      </c>
      <c r="AG24" s="1188"/>
      <c r="AH24" s="1188" t="s">
        <v>37</v>
      </c>
      <c r="AI24" s="1188"/>
      <c r="AJ24" s="1188"/>
      <c r="AK24" s="1188"/>
      <c r="AL24" s="1188" t="s">
        <v>36</v>
      </c>
      <c r="AM24" s="1188"/>
      <c r="AN24" s="27"/>
      <c r="AO24" s="27"/>
      <c r="AP24" s="20"/>
      <c r="AQ24" s="20"/>
      <c r="AR24" s="20"/>
      <c r="AS24" s="20"/>
      <c r="AT24" s="20"/>
      <c r="AU24" s="20"/>
      <c r="AV24" s="20"/>
      <c r="AW24" s="20"/>
      <c r="AX24" s="20"/>
      <c r="AY24" s="20"/>
      <c r="AZ24" s="21"/>
    </row>
    <row r="25" spans="1:52" ht="11.25" customHeight="1" x14ac:dyDescent="0.2">
      <c r="A25" s="11"/>
      <c r="B25" s="1190"/>
      <c r="C25" s="1191"/>
      <c r="D25" s="1191"/>
      <c r="E25" s="1191"/>
      <c r="F25" s="1191"/>
      <c r="G25" s="1191"/>
      <c r="H25" s="1191"/>
      <c r="I25" s="1191"/>
      <c r="J25" s="1191"/>
      <c r="K25" s="1192"/>
      <c r="L25" s="24"/>
      <c r="M25" s="25"/>
      <c r="N25" s="25"/>
      <c r="O25" s="25"/>
      <c r="P25" s="25"/>
      <c r="Q25" s="25"/>
      <c r="R25" s="25"/>
      <c r="S25" s="25"/>
      <c r="T25" s="25"/>
      <c r="U25" s="25"/>
      <c r="V25" s="25"/>
      <c r="W25" s="1191"/>
      <c r="X25" s="1191"/>
      <c r="Y25" s="1191"/>
      <c r="Z25" s="1191"/>
      <c r="AA25" s="1191"/>
      <c r="AB25" s="1191"/>
      <c r="AC25" s="1191"/>
      <c r="AD25" s="1191"/>
      <c r="AE25" s="1191"/>
      <c r="AF25" s="1191"/>
      <c r="AG25" s="1191"/>
      <c r="AH25" s="1191"/>
      <c r="AI25" s="1191"/>
      <c r="AJ25" s="1191"/>
      <c r="AK25" s="1191"/>
      <c r="AL25" s="1191"/>
      <c r="AM25" s="1191"/>
      <c r="AN25" s="17"/>
      <c r="AO25" s="17"/>
      <c r="AP25" s="25"/>
      <c r="AQ25" s="25"/>
      <c r="AR25" s="25"/>
      <c r="AS25" s="25"/>
      <c r="AT25" s="25"/>
      <c r="AU25" s="25"/>
      <c r="AV25" s="25"/>
      <c r="AW25" s="25"/>
      <c r="AX25" s="25"/>
      <c r="AY25" s="25"/>
      <c r="AZ25" s="26"/>
    </row>
    <row r="26" spans="1:52" ht="11.25" customHeight="1" x14ac:dyDescent="0.2">
      <c r="A26" s="11"/>
      <c r="B26" s="1187" t="s">
        <v>38</v>
      </c>
      <c r="C26" s="1188"/>
      <c r="D26" s="1188"/>
      <c r="E26" s="1188"/>
      <c r="F26" s="1188"/>
      <c r="G26" s="1188"/>
      <c r="H26" s="1188"/>
      <c r="I26" s="1188"/>
      <c r="J26" s="1188"/>
      <c r="K26" s="1189"/>
      <c r="L26" s="1187" t="s">
        <v>34</v>
      </c>
      <c r="M26" s="1188"/>
      <c r="N26" s="1188"/>
      <c r="O26" s="1188"/>
      <c r="P26" s="1188"/>
      <c r="Q26" s="1188" t="s">
        <v>35</v>
      </c>
      <c r="R26" s="1188"/>
      <c r="S26" s="1188"/>
      <c r="T26" s="1188"/>
      <c r="U26" s="1188" t="s">
        <v>36</v>
      </c>
      <c r="V26" s="1188"/>
      <c r="W26" s="1188"/>
      <c r="X26" s="1188"/>
      <c r="Y26" s="1188" t="s">
        <v>39</v>
      </c>
      <c r="Z26" s="1188"/>
      <c r="AA26" s="28"/>
      <c r="AB26" s="1187" t="s">
        <v>40</v>
      </c>
      <c r="AC26" s="1188"/>
      <c r="AD26" s="1188"/>
      <c r="AE26" s="1188"/>
      <c r="AF26" s="1188"/>
      <c r="AG26" s="1188"/>
      <c r="AH26" s="1188"/>
      <c r="AI26" s="1188"/>
      <c r="AJ26" s="1188"/>
      <c r="AK26" s="1189"/>
      <c r="AL26" s="1187" t="s">
        <v>34</v>
      </c>
      <c r="AM26" s="1188"/>
      <c r="AN26" s="1188"/>
      <c r="AO26" s="1188"/>
      <c r="AP26" s="1188"/>
      <c r="AQ26" s="1188" t="s">
        <v>35</v>
      </c>
      <c r="AR26" s="1188"/>
      <c r="AS26" s="1188"/>
      <c r="AT26" s="1188"/>
      <c r="AU26" s="1188" t="s">
        <v>36</v>
      </c>
      <c r="AV26" s="1188"/>
      <c r="AW26" s="1188"/>
      <c r="AX26" s="1188"/>
      <c r="AY26" s="1188" t="s">
        <v>39</v>
      </c>
      <c r="AZ26" s="1189"/>
    </row>
    <row r="27" spans="1:52" ht="11.25" customHeight="1" x14ac:dyDescent="0.2">
      <c r="A27" s="11"/>
      <c r="B27" s="1190"/>
      <c r="C27" s="1191"/>
      <c r="D27" s="1191"/>
      <c r="E27" s="1191"/>
      <c r="F27" s="1191"/>
      <c r="G27" s="1191"/>
      <c r="H27" s="1191"/>
      <c r="I27" s="1191"/>
      <c r="J27" s="1191"/>
      <c r="K27" s="1192"/>
      <c r="L27" s="1190"/>
      <c r="M27" s="1191"/>
      <c r="N27" s="1191"/>
      <c r="O27" s="1191"/>
      <c r="P27" s="1191"/>
      <c r="Q27" s="1191"/>
      <c r="R27" s="1191"/>
      <c r="S27" s="1191"/>
      <c r="T27" s="1191"/>
      <c r="U27" s="1191"/>
      <c r="V27" s="1191"/>
      <c r="W27" s="1191"/>
      <c r="X27" s="1191"/>
      <c r="Y27" s="1191"/>
      <c r="Z27" s="1191"/>
      <c r="AA27" s="29"/>
      <c r="AB27" s="1190"/>
      <c r="AC27" s="1191"/>
      <c r="AD27" s="1191"/>
      <c r="AE27" s="1191"/>
      <c r="AF27" s="1191"/>
      <c r="AG27" s="1191"/>
      <c r="AH27" s="1191"/>
      <c r="AI27" s="1191"/>
      <c r="AJ27" s="1191"/>
      <c r="AK27" s="1192"/>
      <c r="AL27" s="1190"/>
      <c r="AM27" s="1191"/>
      <c r="AN27" s="1191"/>
      <c r="AO27" s="1191"/>
      <c r="AP27" s="1191"/>
      <c r="AQ27" s="1191"/>
      <c r="AR27" s="1191"/>
      <c r="AS27" s="1191"/>
      <c r="AT27" s="1191"/>
      <c r="AU27" s="1191"/>
      <c r="AV27" s="1191"/>
      <c r="AW27" s="1191"/>
      <c r="AX27" s="1191"/>
      <c r="AY27" s="1191"/>
      <c r="AZ27" s="1192"/>
    </row>
    <row r="28" spans="1:52" ht="11.25" customHeight="1" x14ac:dyDescent="0.2">
      <c r="A28" s="11"/>
      <c r="B28" s="1187" t="s">
        <v>41</v>
      </c>
      <c r="C28" s="1188"/>
      <c r="D28" s="1188"/>
      <c r="E28" s="1188"/>
      <c r="F28" s="1188"/>
      <c r="G28" s="1188"/>
      <c r="H28" s="1188"/>
      <c r="I28" s="1188"/>
      <c r="J28" s="1188"/>
      <c r="K28" s="1189"/>
      <c r="L28" s="1206"/>
      <c r="M28" s="1207"/>
      <c r="N28" s="1207"/>
      <c r="O28" s="1207"/>
      <c r="P28" s="1207"/>
      <c r="Q28" s="1207"/>
      <c r="R28" s="1207"/>
      <c r="S28" s="1207"/>
      <c r="T28" s="1207"/>
      <c r="U28" s="1207"/>
      <c r="V28" s="1207"/>
      <c r="W28" s="1188" t="s">
        <v>42</v>
      </c>
      <c r="X28" s="1188"/>
      <c r="Y28" s="30"/>
      <c r="Z28" s="30"/>
      <c r="AA28" s="30"/>
      <c r="AB28" s="30"/>
      <c r="AC28" s="30"/>
      <c r="AD28" s="30"/>
      <c r="AE28" s="30"/>
      <c r="AF28" s="30"/>
      <c r="AG28" s="30"/>
      <c r="AH28" s="30"/>
      <c r="AI28" s="30"/>
      <c r="AJ28" s="30"/>
      <c r="AK28" s="30"/>
      <c r="AL28" s="30"/>
      <c r="AM28" s="30"/>
      <c r="AN28" s="30"/>
      <c r="AO28" s="30"/>
      <c r="AP28" s="30"/>
      <c r="AQ28" s="30"/>
      <c r="AR28" s="30"/>
      <c r="AS28" s="30"/>
      <c r="AT28" s="30"/>
      <c r="AU28" s="30"/>
      <c r="AV28" s="30"/>
      <c r="AW28" s="30"/>
      <c r="AX28" s="30"/>
      <c r="AY28" s="27"/>
      <c r="AZ28" s="31"/>
    </row>
    <row r="29" spans="1:52" ht="11.25" customHeight="1" x14ac:dyDescent="0.2">
      <c r="A29" s="11"/>
      <c r="B29" s="1190"/>
      <c r="C29" s="1191"/>
      <c r="D29" s="1191"/>
      <c r="E29" s="1191"/>
      <c r="F29" s="1191"/>
      <c r="G29" s="1191"/>
      <c r="H29" s="1191"/>
      <c r="I29" s="1191"/>
      <c r="J29" s="1191"/>
      <c r="K29" s="1192"/>
      <c r="L29" s="1208"/>
      <c r="M29" s="1209"/>
      <c r="N29" s="1209"/>
      <c r="O29" s="1209"/>
      <c r="P29" s="1209"/>
      <c r="Q29" s="1209"/>
      <c r="R29" s="1209"/>
      <c r="S29" s="1209"/>
      <c r="T29" s="1209"/>
      <c r="U29" s="1209"/>
      <c r="V29" s="1209"/>
      <c r="W29" s="1191"/>
      <c r="X29" s="1191"/>
      <c r="Y29" s="32"/>
      <c r="Z29" s="32"/>
      <c r="AA29" s="32"/>
      <c r="AB29" s="32"/>
      <c r="AC29" s="32"/>
      <c r="AD29" s="32"/>
      <c r="AE29" s="32"/>
      <c r="AF29" s="32"/>
      <c r="AG29" s="32"/>
      <c r="AH29" s="32"/>
      <c r="AI29" s="32"/>
      <c r="AJ29" s="32"/>
      <c r="AK29" s="32"/>
      <c r="AL29" s="32"/>
      <c r="AM29" s="32"/>
      <c r="AN29" s="32"/>
      <c r="AO29" s="32"/>
      <c r="AP29" s="32"/>
      <c r="AQ29" s="32"/>
      <c r="AR29" s="32"/>
      <c r="AS29" s="32"/>
      <c r="AT29" s="32"/>
      <c r="AU29" s="32"/>
      <c r="AV29" s="32"/>
      <c r="AW29" s="32"/>
      <c r="AX29" s="32"/>
      <c r="AY29" s="32"/>
      <c r="AZ29" s="33"/>
    </row>
    <row r="30" spans="1:52" ht="11.25" customHeight="1" x14ac:dyDescent="0.2">
      <c r="A30" s="11"/>
      <c r="B30" s="1187" t="s">
        <v>43</v>
      </c>
      <c r="C30" s="1188"/>
      <c r="D30" s="1188"/>
      <c r="E30" s="1188"/>
      <c r="F30" s="1188"/>
      <c r="G30" s="1188"/>
      <c r="H30" s="1188"/>
      <c r="I30" s="1188"/>
      <c r="J30" s="1188"/>
      <c r="K30" s="1189"/>
      <c r="L30" s="1212"/>
      <c r="M30" s="1213"/>
      <c r="N30" s="1213"/>
      <c r="O30" s="1213"/>
      <c r="P30" s="1213"/>
      <c r="Q30" s="1213"/>
      <c r="R30" s="1213"/>
      <c r="S30" s="1213"/>
      <c r="T30" s="1213"/>
      <c r="U30" s="1213"/>
      <c r="V30" s="1213"/>
      <c r="W30" s="1213"/>
      <c r="X30" s="1213"/>
      <c r="Y30" s="1213"/>
      <c r="Z30" s="1213"/>
      <c r="AA30" s="1213"/>
      <c r="AB30" s="1213"/>
      <c r="AC30" s="1213"/>
      <c r="AD30" s="1213"/>
      <c r="AE30" s="1213"/>
      <c r="AF30" s="1213"/>
      <c r="AG30" s="1213"/>
      <c r="AH30" s="1213"/>
      <c r="AI30" s="1213"/>
      <c r="AJ30" s="1213"/>
      <c r="AK30" s="1213"/>
      <c r="AL30" s="1213"/>
      <c r="AM30" s="1213"/>
      <c r="AN30" s="1213"/>
      <c r="AO30" s="1213"/>
      <c r="AP30" s="1213"/>
      <c r="AQ30" s="1213"/>
      <c r="AR30" s="1213"/>
      <c r="AS30" s="1213"/>
      <c r="AT30" s="1213"/>
      <c r="AU30" s="1213"/>
      <c r="AV30" s="1213"/>
      <c r="AW30" s="1213"/>
      <c r="AX30" s="1213"/>
      <c r="AY30" s="1213"/>
      <c r="AZ30" s="1214"/>
    </row>
    <row r="31" spans="1:52" ht="11.25" customHeight="1" x14ac:dyDescent="0.2">
      <c r="A31" s="11"/>
      <c r="B31" s="1210"/>
      <c r="C31" s="1186"/>
      <c r="D31" s="1186"/>
      <c r="E31" s="1186"/>
      <c r="F31" s="1186"/>
      <c r="G31" s="1186"/>
      <c r="H31" s="1186"/>
      <c r="I31" s="1186"/>
      <c r="J31" s="1186"/>
      <c r="K31" s="1211"/>
      <c r="L31" s="1215"/>
      <c r="M31" s="1216"/>
      <c r="N31" s="1216"/>
      <c r="O31" s="1216"/>
      <c r="P31" s="1216"/>
      <c r="Q31" s="1216"/>
      <c r="R31" s="1216"/>
      <c r="S31" s="1216"/>
      <c r="T31" s="1216"/>
      <c r="U31" s="1216"/>
      <c r="V31" s="1216"/>
      <c r="W31" s="1216"/>
      <c r="X31" s="1216"/>
      <c r="Y31" s="1216"/>
      <c r="Z31" s="1216"/>
      <c r="AA31" s="1216"/>
      <c r="AB31" s="1216"/>
      <c r="AC31" s="1216"/>
      <c r="AD31" s="1216"/>
      <c r="AE31" s="1216"/>
      <c r="AF31" s="1216"/>
      <c r="AG31" s="1216"/>
      <c r="AH31" s="1216"/>
      <c r="AI31" s="1216"/>
      <c r="AJ31" s="1216"/>
      <c r="AK31" s="1216"/>
      <c r="AL31" s="1216"/>
      <c r="AM31" s="1216"/>
      <c r="AN31" s="1216"/>
      <c r="AO31" s="1216"/>
      <c r="AP31" s="1216"/>
      <c r="AQ31" s="1216"/>
      <c r="AR31" s="1216"/>
      <c r="AS31" s="1216"/>
      <c r="AT31" s="1216"/>
      <c r="AU31" s="1216"/>
      <c r="AV31" s="1216"/>
      <c r="AW31" s="1216"/>
      <c r="AX31" s="1216"/>
      <c r="AY31" s="1216"/>
      <c r="AZ31" s="1217"/>
    </row>
    <row r="32" spans="1:52" ht="11.25" customHeight="1" x14ac:dyDescent="0.2">
      <c r="A32" s="11"/>
      <c r="B32" s="1210"/>
      <c r="C32" s="1186"/>
      <c r="D32" s="1186"/>
      <c r="E32" s="1186"/>
      <c r="F32" s="1186"/>
      <c r="G32" s="1186"/>
      <c r="H32" s="1186"/>
      <c r="I32" s="1186"/>
      <c r="J32" s="1186"/>
      <c r="K32" s="1211"/>
      <c r="L32" s="1215"/>
      <c r="M32" s="1216"/>
      <c r="N32" s="1216"/>
      <c r="O32" s="1216"/>
      <c r="P32" s="1216"/>
      <c r="Q32" s="1216"/>
      <c r="R32" s="1216"/>
      <c r="S32" s="1216"/>
      <c r="T32" s="1216"/>
      <c r="U32" s="1216"/>
      <c r="V32" s="1216"/>
      <c r="W32" s="1216"/>
      <c r="X32" s="1216"/>
      <c r="Y32" s="1216"/>
      <c r="Z32" s="1216"/>
      <c r="AA32" s="1216"/>
      <c r="AB32" s="1216"/>
      <c r="AC32" s="1216"/>
      <c r="AD32" s="1216"/>
      <c r="AE32" s="1216"/>
      <c r="AF32" s="1216"/>
      <c r="AG32" s="1216"/>
      <c r="AH32" s="1216"/>
      <c r="AI32" s="1216"/>
      <c r="AJ32" s="1216"/>
      <c r="AK32" s="1216"/>
      <c r="AL32" s="1216"/>
      <c r="AM32" s="1216"/>
      <c r="AN32" s="1216"/>
      <c r="AO32" s="1216"/>
      <c r="AP32" s="1216"/>
      <c r="AQ32" s="1216"/>
      <c r="AR32" s="1216"/>
      <c r="AS32" s="1216"/>
      <c r="AT32" s="1216"/>
      <c r="AU32" s="1216"/>
      <c r="AV32" s="1216"/>
      <c r="AW32" s="1216"/>
      <c r="AX32" s="1216"/>
      <c r="AY32" s="1216"/>
      <c r="AZ32" s="1217"/>
    </row>
    <row r="33" spans="1:52" ht="11.25" customHeight="1" x14ac:dyDescent="0.2">
      <c r="A33" s="11"/>
      <c r="B33" s="1190"/>
      <c r="C33" s="1191"/>
      <c r="D33" s="1191"/>
      <c r="E33" s="1191"/>
      <c r="F33" s="1191"/>
      <c r="G33" s="1191"/>
      <c r="H33" s="1191"/>
      <c r="I33" s="1191"/>
      <c r="J33" s="1191"/>
      <c r="K33" s="1192"/>
      <c r="L33" s="1218"/>
      <c r="M33" s="1219"/>
      <c r="N33" s="1219"/>
      <c r="O33" s="1219"/>
      <c r="P33" s="1219"/>
      <c r="Q33" s="1219"/>
      <c r="R33" s="1219"/>
      <c r="S33" s="1219"/>
      <c r="T33" s="1219"/>
      <c r="U33" s="1219"/>
      <c r="V33" s="1219"/>
      <c r="W33" s="1219"/>
      <c r="X33" s="1219"/>
      <c r="Y33" s="1219"/>
      <c r="Z33" s="1219"/>
      <c r="AA33" s="1219"/>
      <c r="AB33" s="1219"/>
      <c r="AC33" s="1219"/>
      <c r="AD33" s="1219"/>
      <c r="AE33" s="1219"/>
      <c r="AF33" s="1219"/>
      <c r="AG33" s="1219"/>
      <c r="AH33" s="1219"/>
      <c r="AI33" s="1219"/>
      <c r="AJ33" s="1219"/>
      <c r="AK33" s="1219"/>
      <c r="AL33" s="1219"/>
      <c r="AM33" s="1219"/>
      <c r="AN33" s="1219"/>
      <c r="AO33" s="1219"/>
      <c r="AP33" s="1219"/>
      <c r="AQ33" s="1219"/>
      <c r="AR33" s="1219"/>
      <c r="AS33" s="1219"/>
      <c r="AT33" s="1219"/>
      <c r="AU33" s="1219"/>
      <c r="AV33" s="1219"/>
      <c r="AW33" s="1219"/>
      <c r="AX33" s="1219"/>
      <c r="AY33" s="1219"/>
      <c r="AZ33" s="1220"/>
    </row>
    <row r="34" spans="1:52" ht="11.25" customHeight="1" x14ac:dyDescent="0.2">
      <c r="A34" s="11"/>
      <c r="B34" s="1187" t="s">
        <v>44</v>
      </c>
      <c r="C34" s="1188"/>
      <c r="D34" s="1188"/>
      <c r="E34" s="1188"/>
      <c r="F34" s="1188"/>
      <c r="G34" s="1188"/>
      <c r="H34" s="1188"/>
      <c r="I34" s="1188"/>
      <c r="J34" s="1188"/>
      <c r="K34" s="1189"/>
      <c r="L34" s="1187"/>
      <c r="M34" s="1188"/>
      <c r="N34" s="1188"/>
      <c r="O34" s="1188"/>
      <c r="P34" s="1188"/>
      <c r="Q34" s="1188"/>
      <c r="R34" s="1188"/>
      <c r="S34" s="1188"/>
      <c r="T34" s="1188"/>
      <c r="U34" s="1188"/>
      <c r="V34" s="1188"/>
      <c r="W34" s="1188"/>
      <c r="X34" s="1188"/>
      <c r="Y34" s="1188"/>
      <c r="Z34" s="1188"/>
      <c r="AA34" s="1189"/>
      <c r="AB34" s="1187" t="s">
        <v>45</v>
      </c>
      <c r="AC34" s="1188"/>
      <c r="AD34" s="1188"/>
      <c r="AE34" s="1188"/>
      <c r="AF34" s="1188"/>
      <c r="AG34" s="1188"/>
      <c r="AH34" s="1188"/>
      <c r="AI34" s="1188"/>
      <c r="AJ34" s="1188"/>
      <c r="AK34" s="1189"/>
      <c r="AL34" s="1206"/>
      <c r="AM34" s="1207"/>
      <c r="AN34" s="1207"/>
      <c r="AO34" s="1207"/>
      <c r="AP34" s="1207"/>
      <c r="AQ34" s="1207"/>
      <c r="AR34" s="1207"/>
      <c r="AS34" s="1207"/>
      <c r="AT34" s="1207"/>
      <c r="AU34" s="1207"/>
      <c r="AV34" s="1188" t="s">
        <v>42</v>
      </c>
      <c r="AW34" s="1188"/>
      <c r="AX34" s="5"/>
      <c r="AY34" s="5"/>
      <c r="AZ34" s="23"/>
    </row>
    <row r="35" spans="1:52" ht="11.25" customHeight="1" x14ac:dyDescent="0.2">
      <c r="A35" s="11"/>
      <c r="B35" s="1210"/>
      <c r="C35" s="1186"/>
      <c r="D35" s="1186"/>
      <c r="E35" s="1186"/>
      <c r="F35" s="1186"/>
      <c r="G35" s="1186"/>
      <c r="H35" s="1186"/>
      <c r="I35" s="1186"/>
      <c r="J35" s="1186"/>
      <c r="K35" s="1211"/>
      <c r="L35" s="1210"/>
      <c r="M35" s="1186"/>
      <c r="N35" s="1186"/>
      <c r="O35" s="1186"/>
      <c r="P35" s="1186"/>
      <c r="Q35" s="1186"/>
      <c r="R35" s="1186"/>
      <c r="S35" s="1186"/>
      <c r="T35" s="1186"/>
      <c r="U35" s="1186"/>
      <c r="V35" s="1186"/>
      <c r="W35" s="1186"/>
      <c r="X35" s="1186"/>
      <c r="Y35" s="1186"/>
      <c r="Z35" s="1186"/>
      <c r="AA35" s="1211"/>
      <c r="AB35" s="1210"/>
      <c r="AC35" s="1186"/>
      <c r="AD35" s="1186"/>
      <c r="AE35" s="1186"/>
      <c r="AF35" s="1186"/>
      <c r="AG35" s="1186"/>
      <c r="AH35" s="1186"/>
      <c r="AI35" s="1186"/>
      <c r="AJ35" s="1186"/>
      <c r="AK35" s="1211"/>
      <c r="AL35" s="1227"/>
      <c r="AM35" s="1228"/>
      <c r="AN35" s="1228"/>
      <c r="AO35" s="1228"/>
      <c r="AP35" s="1228"/>
      <c r="AQ35" s="1228"/>
      <c r="AR35" s="1228"/>
      <c r="AS35" s="1228"/>
      <c r="AT35" s="1228"/>
      <c r="AU35" s="1228"/>
      <c r="AV35" s="1186"/>
      <c r="AW35" s="1186"/>
      <c r="AX35" s="5"/>
      <c r="AY35" s="5"/>
      <c r="AZ35" s="34"/>
    </row>
    <row r="36" spans="1:52" ht="11.25" customHeight="1" x14ac:dyDescent="0.2">
      <c r="A36" s="11"/>
      <c r="B36" s="1221" t="s">
        <v>46</v>
      </c>
      <c r="C36" s="1221"/>
      <c r="D36" s="1221"/>
      <c r="E36" s="1221"/>
      <c r="F36" s="1221"/>
      <c r="G36" s="1221"/>
      <c r="H36" s="1221"/>
      <c r="I36" s="1221"/>
      <c r="J36" s="1221"/>
      <c r="K36" s="1221"/>
      <c r="L36" s="1224"/>
      <c r="M36" s="1224"/>
      <c r="N36" s="1224"/>
      <c r="O36" s="1224"/>
      <c r="P36" s="1224"/>
      <c r="Q36" s="1224"/>
      <c r="R36" s="1224"/>
      <c r="S36" s="1224"/>
      <c r="T36" s="1224"/>
      <c r="U36" s="1224"/>
      <c r="V36" s="1224"/>
      <c r="W36" s="1224"/>
      <c r="X36" s="1224"/>
      <c r="Y36" s="1224"/>
      <c r="Z36" s="1224"/>
      <c r="AA36" s="1224"/>
      <c r="AB36" s="1224"/>
      <c r="AC36" s="1224"/>
      <c r="AD36" s="1224"/>
      <c r="AE36" s="1224"/>
      <c r="AF36" s="1224"/>
      <c r="AG36" s="1224"/>
      <c r="AH36" s="1224"/>
      <c r="AI36" s="1224"/>
      <c r="AJ36" s="1224"/>
      <c r="AK36" s="1224"/>
      <c r="AL36" s="1224"/>
      <c r="AM36" s="1224"/>
      <c r="AN36" s="1224"/>
      <c r="AO36" s="1224"/>
      <c r="AP36" s="1224"/>
      <c r="AQ36" s="1224"/>
      <c r="AR36" s="1224"/>
      <c r="AS36" s="1224"/>
      <c r="AT36" s="1224"/>
      <c r="AU36" s="1224"/>
      <c r="AV36" s="1224"/>
      <c r="AW36" s="1224"/>
      <c r="AX36" s="1224"/>
      <c r="AY36" s="1224"/>
      <c r="AZ36" s="1224"/>
    </row>
    <row r="37" spans="1:52" ht="11.25" customHeight="1" x14ac:dyDescent="0.2">
      <c r="A37" s="11"/>
      <c r="B37" s="1222"/>
      <c r="C37" s="1222"/>
      <c r="D37" s="1222"/>
      <c r="E37" s="1222"/>
      <c r="F37" s="1222"/>
      <c r="G37" s="1222"/>
      <c r="H37" s="1222"/>
      <c r="I37" s="1222"/>
      <c r="J37" s="1222"/>
      <c r="K37" s="1222"/>
      <c r="L37" s="1225"/>
      <c r="M37" s="1225"/>
      <c r="N37" s="1225"/>
      <c r="O37" s="1225"/>
      <c r="P37" s="1225"/>
      <c r="Q37" s="1225"/>
      <c r="R37" s="1225"/>
      <c r="S37" s="1225"/>
      <c r="T37" s="1225"/>
      <c r="U37" s="1225"/>
      <c r="V37" s="1225"/>
      <c r="W37" s="1225"/>
      <c r="X37" s="1225"/>
      <c r="Y37" s="1225"/>
      <c r="Z37" s="1225"/>
      <c r="AA37" s="1225"/>
      <c r="AB37" s="1225"/>
      <c r="AC37" s="1225"/>
      <c r="AD37" s="1225"/>
      <c r="AE37" s="1225"/>
      <c r="AF37" s="1225"/>
      <c r="AG37" s="1225"/>
      <c r="AH37" s="1225"/>
      <c r="AI37" s="1225"/>
      <c r="AJ37" s="1225"/>
      <c r="AK37" s="1225"/>
      <c r="AL37" s="1225"/>
      <c r="AM37" s="1225"/>
      <c r="AN37" s="1225"/>
      <c r="AO37" s="1225"/>
      <c r="AP37" s="1225"/>
      <c r="AQ37" s="1225"/>
      <c r="AR37" s="1225"/>
      <c r="AS37" s="1225"/>
      <c r="AT37" s="1225"/>
      <c r="AU37" s="1225"/>
      <c r="AV37" s="1225"/>
      <c r="AW37" s="1225"/>
      <c r="AX37" s="1225"/>
      <c r="AY37" s="1225"/>
      <c r="AZ37" s="1225"/>
    </row>
    <row r="38" spans="1:52" ht="11.25" customHeight="1" x14ac:dyDescent="0.2">
      <c r="A38" s="11"/>
      <c r="B38" s="1223"/>
      <c r="C38" s="1223"/>
      <c r="D38" s="1223"/>
      <c r="E38" s="1223"/>
      <c r="F38" s="1223"/>
      <c r="G38" s="1223"/>
      <c r="H38" s="1223"/>
      <c r="I38" s="1223"/>
      <c r="J38" s="1223"/>
      <c r="K38" s="1223"/>
      <c r="L38" s="1226"/>
      <c r="M38" s="1226"/>
      <c r="N38" s="1226"/>
      <c r="O38" s="1226"/>
      <c r="P38" s="1226"/>
      <c r="Q38" s="1226"/>
      <c r="R38" s="1226"/>
      <c r="S38" s="1226"/>
      <c r="T38" s="1226"/>
      <c r="U38" s="1226"/>
      <c r="V38" s="1226"/>
      <c r="W38" s="1226"/>
      <c r="X38" s="1226"/>
      <c r="Y38" s="1226"/>
      <c r="Z38" s="1226"/>
      <c r="AA38" s="1226"/>
      <c r="AB38" s="1226"/>
      <c r="AC38" s="1226"/>
      <c r="AD38" s="1226"/>
      <c r="AE38" s="1226"/>
      <c r="AF38" s="1226"/>
      <c r="AG38" s="1226"/>
      <c r="AH38" s="1226"/>
      <c r="AI38" s="1226"/>
      <c r="AJ38" s="1226"/>
      <c r="AK38" s="1226"/>
      <c r="AL38" s="1226"/>
      <c r="AM38" s="1226"/>
      <c r="AN38" s="1226"/>
      <c r="AO38" s="1226"/>
      <c r="AP38" s="1226"/>
      <c r="AQ38" s="1226"/>
      <c r="AR38" s="1226"/>
      <c r="AS38" s="1226"/>
      <c r="AT38" s="1226"/>
      <c r="AU38" s="1226"/>
      <c r="AV38" s="1226"/>
      <c r="AW38" s="1226"/>
      <c r="AX38" s="1226"/>
      <c r="AY38" s="1226"/>
      <c r="AZ38" s="1226"/>
    </row>
    <row r="39" spans="1:52" ht="11.25" customHeight="1" x14ac:dyDescent="0.2">
      <c r="A39" s="11"/>
      <c r="B39" s="17"/>
      <c r="C39" s="17"/>
      <c r="D39" s="35"/>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row>
    <row r="40" spans="1:52" ht="11.25" customHeight="1" x14ac:dyDescent="0.2">
      <c r="A40" s="11"/>
      <c r="B40" s="1187" t="s">
        <v>47</v>
      </c>
      <c r="C40" s="1188"/>
      <c r="D40" s="1188"/>
      <c r="E40" s="1188"/>
      <c r="F40" s="1188"/>
      <c r="G40" s="1188"/>
      <c r="H40" s="1188"/>
      <c r="I40" s="1188"/>
      <c r="J40" s="1188"/>
      <c r="K40" s="1188"/>
      <c r="L40" s="1188"/>
      <c r="M40" s="1188"/>
      <c r="N40" s="1188"/>
      <c r="O40" s="1188"/>
      <c r="P40" s="1188"/>
      <c r="Q40" s="1188"/>
      <c r="R40" s="1188"/>
      <c r="S40" s="1188"/>
      <c r="T40" s="1188"/>
      <c r="U40" s="1188"/>
      <c r="V40" s="1188"/>
      <c r="W40" s="1188"/>
      <c r="X40" s="1188"/>
      <c r="Y40" s="1188"/>
      <c r="Z40" s="1188"/>
      <c r="AA40" s="1188"/>
      <c r="AB40" s="1188"/>
      <c r="AC40" s="1188"/>
      <c r="AD40" s="1188"/>
      <c r="AE40" s="1188"/>
      <c r="AF40" s="1188"/>
      <c r="AG40" s="1188"/>
      <c r="AH40" s="1188"/>
      <c r="AI40" s="1188"/>
      <c r="AJ40" s="1188"/>
      <c r="AK40" s="1188"/>
      <c r="AL40" s="1188"/>
      <c r="AM40" s="1188"/>
      <c r="AN40" s="1188"/>
      <c r="AO40" s="1188"/>
      <c r="AP40" s="1188"/>
      <c r="AQ40" s="1188"/>
      <c r="AR40" s="1188"/>
      <c r="AS40" s="1188"/>
      <c r="AT40" s="1188"/>
      <c r="AU40" s="1188"/>
      <c r="AV40" s="1188"/>
      <c r="AW40" s="1188"/>
      <c r="AX40" s="1188"/>
      <c r="AY40" s="1188"/>
      <c r="AZ40" s="1189"/>
    </row>
    <row r="41" spans="1:52" ht="11.25" customHeight="1" x14ac:dyDescent="0.2">
      <c r="A41" s="11"/>
      <c r="B41" s="1190"/>
      <c r="C41" s="1191"/>
      <c r="D41" s="1191"/>
      <c r="E41" s="1191"/>
      <c r="F41" s="1191"/>
      <c r="G41" s="1191"/>
      <c r="H41" s="1191"/>
      <c r="I41" s="1191"/>
      <c r="J41" s="1191"/>
      <c r="K41" s="1191"/>
      <c r="L41" s="1191"/>
      <c r="M41" s="1191"/>
      <c r="N41" s="1191"/>
      <c r="O41" s="1191"/>
      <c r="P41" s="1191"/>
      <c r="Q41" s="1191"/>
      <c r="R41" s="1191"/>
      <c r="S41" s="1191"/>
      <c r="T41" s="1191"/>
      <c r="U41" s="1191"/>
      <c r="V41" s="1191"/>
      <c r="W41" s="1191"/>
      <c r="X41" s="1191"/>
      <c r="Y41" s="1191"/>
      <c r="Z41" s="1191"/>
      <c r="AA41" s="1191"/>
      <c r="AB41" s="1191"/>
      <c r="AC41" s="1191"/>
      <c r="AD41" s="1191"/>
      <c r="AE41" s="1191"/>
      <c r="AF41" s="1191"/>
      <c r="AG41" s="1191"/>
      <c r="AH41" s="1191"/>
      <c r="AI41" s="1191"/>
      <c r="AJ41" s="1191"/>
      <c r="AK41" s="1191"/>
      <c r="AL41" s="1191"/>
      <c r="AM41" s="1191"/>
      <c r="AN41" s="1191"/>
      <c r="AO41" s="1191"/>
      <c r="AP41" s="1191"/>
      <c r="AQ41" s="1191"/>
      <c r="AR41" s="1191"/>
      <c r="AS41" s="1191"/>
      <c r="AT41" s="1191"/>
      <c r="AU41" s="1191"/>
      <c r="AV41" s="1191"/>
      <c r="AW41" s="1191"/>
      <c r="AX41" s="1191"/>
      <c r="AY41" s="1191"/>
      <c r="AZ41" s="1192"/>
    </row>
    <row r="42" spans="1:52" ht="11.25" customHeight="1" x14ac:dyDescent="0.2">
      <c r="A42" s="11"/>
      <c r="B42" s="1187" t="s">
        <v>48</v>
      </c>
      <c r="C42" s="1188"/>
      <c r="D42" s="1188"/>
      <c r="E42" s="1188"/>
      <c r="F42" s="1188"/>
      <c r="G42" s="1188"/>
      <c r="H42" s="1188"/>
      <c r="I42" s="1188"/>
      <c r="J42" s="1188"/>
      <c r="K42" s="1188"/>
      <c r="L42" s="1188"/>
      <c r="M42" s="1188"/>
      <c r="N42" s="1188"/>
      <c r="O42" s="1188"/>
      <c r="P42" s="1188"/>
      <c r="Q42" s="1188"/>
      <c r="R42" s="1188"/>
      <c r="S42" s="1188"/>
      <c r="T42" s="1188"/>
      <c r="U42" s="1188"/>
      <c r="V42" s="1188"/>
      <c r="W42" s="1188"/>
      <c r="X42" s="1188"/>
      <c r="Y42" s="1189"/>
      <c r="Z42" s="1187" t="s">
        <v>49</v>
      </c>
      <c r="AA42" s="1188"/>
      <c r="AB42" s="1188"/>
      <c r="AC42" s="1188"/>
      <c r="AD42" s="1188"/>
      <c r="AE42" s="1188"/>
      <c r="AF42" s="1188"/>
      <c r="AG42" s="1188"/>
      <c r="AH42" s="1188"/>
      <c r="AI42" s="1188"/>
      <c r="AJ42" s="1188"/>
      <c r="AK42" s="1188"/>
      <c r="AL42" s="1188"/>
      <c r="AM42" s="1188"/>
      <c r="AN42" s="1188"/>
      <c r="AO42" s="1188"/>
      <c r="AP42" s="1188"/>
      <c r="AQ42" s="1188"/>
      <c r="AR42" s="1188"/>
      <c r="AS42" s="1188"/>
      <c r="AT42" s="1188"/>
      <c r="AU42" s="1188"/>
      <c r="AV42" s="1188"/>
      <c r="AW42" s="1188"/>
      <c r="AX42" s="1188"/>
      <c r="AY42" s="1188"/>
      <c r="AZ42" s="1189"/>
    </row>
    <row r="43" spans="1:52" ht="11.25" customHeight="1" x14ac:dyDescent="0.2">
      <c r="A43" s="11"/>
      <c r="B43" s="1190"/>
      <c r="C43" s="1191"/>
      <c r="D43" s="1191"/>
      <c r="E43" s="1191"/>
      <c r="F43" s="1191"/>
      <c r="G43" s="1191"/>
      <c r="H43" s="1191"/>
      <c r="I43" s="1191"/>
      <c r="J43" s="1191"/>
      <c r="K43" s="1191"/>
      <c r="L43" s="1191"/>
      <c r="M43" s="1191"/>
      <c r="N43" s="1191"/>
      <c r="O43" s="1191"/>
      <c r="P43" s="1191"/>
      <c r="Q43" s="1191"/>
      <c r="R43" s="1191"/>
      <c r="S43" s="1191"/>
      <c r="T43" s="1191"/>
      <c r="U43" s="1191"/>
      <c r="V43" s="1191"/>
      <c r="W43" s="1191"/>
      <c r="X43" s="1191"/>
      <c r="Y43" s="1192"/>
      <c r="Z43" s="1190"/>
      <c r="AA43" s="1191"/>
      <c r="AB43" s="1191"/>
      <c r="AC43" s="1191"/>
      <c r="AD43" s="1191"/>
      <c r="AE43" s="1191"/>
      <c r="AF43" s="1191"/>
      <c r="AG43" s="1191"/>
      <c r="AH43" s="1191"/>
      <c r="AI43" s="1191"/>
      <c r="AJ43" s="1191"/>
      <c r="AK43" s="1191"/>
      <c r="AL43" s="1191"/>
      <c r="AM43" s="1191"/>
      <c r="AN43" s="1191"/>
      <c r="AO43" s="1191"/>
      <c r="AP43" s="1191"/>
      <c r="AQ43" s="1191"/>
      <c r="AR43" s="1191"/>
      <c r="AS43" s="1191"/>
      <c r="AT43" s="1191"/>
      <c r="AU43" s="1191"/>
      <c r="AV43" s="1191"/>
      <c r="AW43" s="1191"/>
      <c r="AX43" s="1191"/>
      <c r="AY43" s="1191"/>
      <c r="AZ43" s="1192"/>
    </row>
    <row r="44" spans="1:52" ht="11.25" customHeight="1" x14ac:dyDescent="0.2">
      <c r="A44" s="11"/>
      <c r="B44" s="1229" t="s">
        <v>50</v>
      </c>
      <c r="C44" s="1188"/>
      <c r="D44" s="1188"/>
      <c r="E44" s="1188"/>
      <c r="F44" s="1188"/>
      <c r="G44" s="1189"/>
      <c r="H44" s="22" t="s">
        <v>51</v>
      </c>
      <c r="I44" s="36" t="s">
        <v>52</v>
      </c>
      <c r="J44" s="36"/>
      <c r="K44" s="36"/>
      <c r="L44" s="36"/>
      <c r="M44" s="36"/>
      <c r="N44" s="36"/>
      <c r="O44" s="36"/>
      <c r="P44" s="36"/>
      <c r="Q44" s="36"/>
      <c r="R44" s="36"/>
      <c r="S44" s="36"/>
      <c r="T44" s="36"/>
      <c r="U44" s="36"/>
      <c r="V44" s="36"/>
      <c r="W44" s="36"/>
      <c r="X44" s="36"/>
      <c r="Y44" s="36"/>
      <c r="Z44" s="1230" t="s">
        <v>53</v>
      </c>
      <c r="AA44" s="1231"/>
      <c r="AB44" s="1231"/>
      <c r="AC44" s="1210" t="s">
        <v>54</v>
      </c>
      <c r="AD44" s="1186"/>
      <c r="AE44" s="1186"/>
      <c r="AF44" s="1186"/>
      <c r="AG44" s="1186"/>
      <c r="AH44" s="1211"/>
      <c r="AI44" s="1233"/>
      <c r="AJ44" s="1234"/>
      <c r="AK44" s="1234"/>
      <c r="AL44" s="1234"/>
      <c r="AM44" s="1234"/>
      <c r="AN44" s="1234"/>
      <c r="AO44" s="1234"/>
      <c r="AP44" s="1234"/>
      <c r="AQ44" s="1234"/>
      <c r="AR44" s="1234"/>
      <c r="AS44" s="1234"/>
      <c r="AT44" s="1234"/>
      <c r="AU44" s="1234"/>
      <c r="AV44" s="1234"/>
      <c r="AW44" s="1234"/>
      <c r="AX44" s="1234"/>
      <c r="AY44" s="1234"/>
      <c r="AZ44" s="1235"/>
    </row>
    <row r="45" spans="1:52" ht="11.25" customHeight="1" x14ac:dyDescent="0.2">
      <c r="A45" s="11"/>
      <c r="B45" s="1210"/>
      <c r="C45" s="1186"/>
      <c r="D45" s="1186"/>
      <c r="E45" s="1186"/>
      <c r="F45" s="1186"/>
      <c r="G45" s="1211"/>
      <c r="H45" s="38" t="s">
        <v>51</v>
      </c>
      <c r="I45" s="5" t="s">
        <v>55</v>
      </c>
      <c r="J45" s="5"/>
      <c r="K45" s="5"/>
      <c r="L45" s="5"/>
      <c r="M45" s="5"/>
      <c r="N45" s="5"/>
      <c r="O45" s="5"/>
      <c r="P45" s="5"/>
      <c r="Q45" s="5"/>
      <c r="R45" s="5"/>
      <c r="S45" s="5"/>
      <c r="T45" s="5"/>
      <c r="U45" s="5"/>
      <c r="V45" s="5"/>
      <c r="W45" s="5"/>
      <c r="X45" s="5"/>
      <c r="Y45" s="5"/>
      <c r="Z45" s="1230"/>
      <c r="AA45" s="1231"/>
      <c r="AB45" s="1231"/>
      <c r="AC45" s="1190"/>
      <c r="AD45" s="1191"/>
      <c r="AE45" s="1191"/>
      <c r="AF45" s="1191"/>
      <c r="AG45" s="1191"/>
      <c r="AH45" s="1192"/>
      <c r="AI45" s="1236"/>
      <c r="AJ45" s="1237"/>
      <c r="AK45" s="1237"/>
      <c r="AL45" s="1237"/>
      <c r="AM45" s="1237"/>
      <c r="AN45" s="1237"/>
      <c r="AO45" s="1237"/>
      <c r="AP45" s="1237"/>
      <c r="AQ45" s="1237"/>
      <c r="AR45" s="1237"/>
      <c r="AS45" s="1237"/>
      <c r="AT45" s="1237"/>
      <c r="AU45" s="1237"/>
      <c r="AV45" s="1237"/>
      <c r="AW45" s="1237"/>
      <c r="AX45" s="1237"/>
      <c r="AY45" s="1237"/>
      <c r="AZ45" s="1238"/>
    </row>
    <row r="46" spans="1:52" ht="11.25" customHeight="1" x14ac:dyDescent="0.2">
      <c r="A46" s="11"/>
      <c r="B46" s="1190"/>
      <c r="C46" s="1191"/>
      <c r="D46" s="1191"/>
      <c r="E46" s="1191"/>
      <c r="F46" s="1191"/>
      <c r="G46" s="1192"/>
      <c r="H46" s="39" t="s">
        <v>51</v>
      </c>
      <c r="I46" s="9" t="s">
        <v>56</v>
      </c>
      <c r="J46" s="9"/>
      <c r="K46" s="9"/>
      <c r="L46" s="9"/>
      <c r="M46" s="9"/>
      <c r="N46" s="9"/>
      <c r="O46" s="9"/>
      <c r="P46" s="9"/>
      <c r="Q46" s="9"/>
      <c r="R46" s="9"/>
      <c r="S46" s="9"/>
      <c r="T46" s="9"/>
      <c r="U46" s="9"/>
      <c r="V46" s="9"/>
      <c r="W46" s="9"/>
      <c r="X46" s="9"/>
      <c r="Y46" s="9"/>
      <c r="Z46" s="1230"/>
      <c r="AA46" s="1231"/>
      <c r="AB46" s="1231"/>
      <c r="AC46" s="1187" t="s">
        <v>57</v>
      </c>
      <c r="AD46" s="1188"/>
      <c r="AE46" s="1188"/>
      <c r="AF46" s="1188"/>
      <c r="AG46" s="1188"/>
      <c r="AH46" s="1189"/>
      <c r="AI46" s="1239"/>
      <c r="AJ46" s="1240"/>
      <c r="AK46" s="1240"/>
      <c r="AL46" s="1240"/>
      <c r="AM46" s="1240"/>
      <c r="AN46" s="1240"/>
      <c r="AO46" s="1240"/>
      <c r="AP46" s="1240"/>
      <c r="AQ46" s="1240"/>
      <c r="AR46" s="1240"/>
      <c r="AS46" s="1240"/>
      <c r="AT46" s="1240"/>
      <c r="AU46" s="1240"/>
      <c r="AV46" s="1240"/>
      <c r="AW46" s="1240"/>
      <c r="AX46" s="1240"/>
      <c r="AY46" s="1240"/>
      <c r="AZ46" s="1241"/>
    </row>
    <row r="47" spans="1:52" ht="11.25" customHeight="1" x14ac:dyDescent="0.2">
      <c r="A47" s="11"/>
      <c r="B47" s="1187" t="s">
        <v>58</v>
      </c>
      <c r="C47" s="1188"/>
      <c r="D47" s="1188"/>
      <c r="E47" s="1188"/>
      <c r="F47" s="1188"/>
      <c r="G47" s="1189"/>
      <c r="H47" s="1245"/>
      <c r="I47" s="1246"/>
      <c r="J47" s="1246"/>
      <c r="K47" s="1246"/>
      <c r="L47" s="1246"/>
      <c r="M47" s="1246"/>
      <c r="N47" s="1246"/>
      <c r="O47" s="1246"/>
      <c r="P47" s="1246"/>
      <c r="Q47" s="1246"/>
      <c r="R47" s="1246"/>
      <c r="S47" s="1246"/>
      <c r="T47" s="1246"/>
      <c r="U47" s="1246"/>
      <c r="V47" s="1246"/>
      <c r="W47" s="1246"/>
      <c r="X47" s="1246"/>
      <c r="Y47" s="1247"/>
      <c r="Z47" s="1231"/>
      <c r="AA47" s="1231"/>
      <c r="AB47" s="1231"/>
      <c r="AC47" s="1190"/>
      <c r="AD47" s="1191"/>
      <c r="AE47" s="1191"/>
      <c r="AF47" s="1191"/>
      <c r="AG47" s="1191"/>
      <c r="AH47" s="1192"/>
      <c r="AI47" s="1242"/>
      <c r="AJ47" s="1243"/>
      <c r="AK47" s="1243"/>
      <c r="AL47" s="1243"/>
      <c r="AM47" s="1243"/>
      <c r="AN47" s="1243"/>
      <c r="AO47" s="1243"/>
      <c r="AP47" s="1243"/>
      <c r="AQ47" s="1243"/>
      <c r="AR47" s="1243"/>
      <c r="AS47" s="1243"/>
      <c r="AT47" s="1243"/>
      <c r="AU47" s="1243"/>
      <c r="AV47" s="1243"/>
      <c r="AW47" s="1243"/>
      <c r="AX47" s="1243"/>
      <c r="AY47" s="1243"/>
      <c r="AZ47" s="1244"/>
    </row>
    <row r="48" spans="1:52" ht="11.25" customHeight="1" x14ac:dyDescent="0.2">
      <c r="A48" s="11"/>
      <c r="B48" s="1190"/>
      <c r="C48" s="1191"/>
      <c r="D48" s="1191"/>
      <c r="E48" s="1191"/>
      <c r="F48" s="1191"/>
      <c r="G48" s="1192"/>
      <c r="H48" s="1248"/>
      <c r="I48" s="1249"/>
      <c r="J48" s="1249"/>
      <c r="K48" s="1249"/>
      <c r="L48" s="1249"/>
      <c r="M48" s="1249"/>
      <c r="N48" s="1249"/>
      <c r="O48" s="1249"/>
      <c r="P48" s="1249"/>
      <c r="Q48" s="1249"/>
      <c r="R48" s="1249"/>
      <c r="S48" s="1249"/>
      <c r="T48" s="1249"/>
      <c r="U48" s="1249"/>
      <c r="V48" s="1249"/>
      <c r="W48" s="1249"/>
      <c r="X48" s="1249"/>
      <c r="Y48" s="1250"/>
      <c r="Z48" s="1231"/>
      <c r="AA48" s="1231"/>
      <c r="AB48" s="1231"/>
      <c r="AC48" s="1187" t="s">
        <v>59</v>
      </c>
      <c r="AD48" s="1188"/>
      <c r="AE48" s="1188"/>
      <c r="AF48" s="1188"/>
      <c r="AG48" s="1188"/>
      <c r="AH48" s="1189"/>
      <c r="AI48" s="7"/>
      <c r="AJ48" s="7"/>
      <c r="AK48" s="7"/>
      <c r="AL48" s="7"/>
      <c r="AM48" s="8"/>
      <c r="AN48" s="6"/>
      <c r="AO48" s="6"/>
      <c r="AP48" s="5"/>
      <c r="AQ48" s="5"/>
      <c r="AR48" s="5"/>
      <c r="AS48" s="34"/>
      <c r="AT48" s="1251"/>
      <c r="AU48" s="1253"/>
      <c r="AV48" s="1253"/>
      <c r="AW48" s="1253"/>
      <c r="AX48" s="1253"/>
      <c r="AY48" s="1253"/>
      <c r="AZ48" s="1255"/>
    </row>
    <row r="49" spans="1:52" ht="11.25" customHeight="1" x14ac:dyDescent="0.2">
      <c r="A49" s="11"/>
      <c r="B49" s="1187" t="s">
        <v>60</v>
      </c>
      <c r="C49" s="1188"/>
      <c r="D49" s="1188"/>
      <c r="E49" s="1188"/>
      <c r="F49" s="1188"/>
      <c r="G49" s="1189"/>
      <c r="H49" s="1257"/>
      <c r="I49" s="1258"/>
      <c r="J49" s="1258"/>
      <c r="K49" s="1258"/>
      <c r="L49" s="40"/>
      <c r="M49" s="1258"/>
      <c r="N49" s="1258"/>
      <c r="O49" s="40"/>
      <c r="P49" s="1258"/>
      <c r="Q49" s="1258"/>
      <c r="R49" s="40"/>
      <c r="S49" s="1258"/>
      <c r="T49" s="1258"/>
      <c r="U49" s="40"/>
      <c r="V49" s="40"/>
      <c r="W49" s="40"/>
      <c r="X49" s="40"/>
      <c r="Y49" s="41"/>
      <c r="Z49" s="1230"/>
      <c r="AA49" s="1231"/>
      <c r="AB49" s="1231"/>
      <c r="AC49" s="1190"/>
      <c r="AD49" s="1191"/>
      <c r="AE49" s="1191"/>
      <c r="AF49" s="1191"/>
      <c r="AG49" s="1191"/>
      <c r="AH49" s="1192"/>
      <c r="AI49" s="7"/>
      <c r="AJ49" s="7"/>
      <c r="AK49" s="7"/>
      <c r="AL49" s="7"/>
      <c r="AM49" s="8"/>
      <c r="AN49" s="6"/>
      <c r="AO49" s="6"/>
      <c r="AP49" s="5"/>
      <c r="AQ49" s="5"/>
      <c r="AR49" s="5"/>
      <c r="AS49" s="34"/>
      <c r="AT49" s="1252"/>
      <c r="AU49" s="1254"/>
      <c r="AV49" s="1254"/>
      <c r="AW49" s="1254"/>
      <c r="AX49" s="1254"/>
      <c r="AY49" s="1254"/>
      <c r="AZ49" s="1256"/>
    </row>
    <row r="50" spans="1:52" ht="11.25" customHeight="1" x14ac:dyDescent="0.2">
      <c r="A50" s="11"/>
      <c r="B50" s="1210"/>
      <c r="C50" s="1186"/>
      <c r="D50" s="1186"/>
      <c r="E50" s="1186"/>
      <c r="F50" s="1186"/>
      <c r="G50" s="1211"/>
      <c r="H50" s="1230"/>
      <c r="I50" s="1231"/>
      <c r="J50" s="1231"/>
      <c r="K50" s="1231"/>
      <c r="L50" s="37"/>
      <c r="M50" s="1231"/>
      <c r="N50" s="1231"/>
      <c r="O50" s="37"/>
      <c r="P50" s="1231"/>
      <c r="Q50" s="1231"/>
      <c r="R50" s="37"/>
      <c r="S50" s="37"/>
      <c r="T50" s="37"/>
      <c r="U50" s="37"/>
      <c r="V50" s="37"/>
      <c r="W50" s="37"/>
      <c r="X50" s="37"/>
      <c r="Y50" s="42"/>
      <c r="Z50" s="1231"/>
      <c r="AA50" s="1231"/>
      <c r="AB50" s="1231"/>
      <c r="AC50" s="1187" t="s">
        <v>61</v>
      </c>
      <c r="AD50" s="1188"/>
      <c r="AE50" s="1188"/>
      <c r="AF50" s="1188"/>
      <c r="AG50" s="1188"/>
      <c r="AH50" s="1189"/>
      <c r="AI50" s="1264"/>
      <c r="AJ50" s="1265"/>
      <c r="AK50" s="1265"/>
      <c r="AL50" s="1265"/>
      <c r="AM50" s="1265"/>
      <c r="AN50" s="1265"/>
      <c r="AO50" s="1265"/>
      <c r="AP50" s="1265"/>
      <c r="AQ50" s="1265"/>
      <c r="AR50" s="1265"/>
      <c r="AS50" s="1265"/>
      <c r="AT50" s="1265"/>
      <c r="AU50" s="1265"/>
      <c r="AV50" s="1265"/>
      <c r="AW50" s="1265"/>
      <c r="AX50" s="1265"/>
      <c r="AY50" s="1265"/>
      <c r="AZ50" s="1266"/>
    </row>
    <row r="51" spans="1:52" ht="11.25" customHeight="1" x14ac:dyDescent="0.2">
      <c r="A51" s="11"/>
      <c r="B51" s="1190"/>
      <c r="C51" s="1191"/>
      <c r="D51" s="1191"/>
      <c r="E51" s="1191"/>
      <c r="F51" s="1191"/>
      <c r="G51" s="1192"/>
      <c r="H51" s="1270"/>
      <c r="I51" s="1232"/>
      <c r="J51" s="1232"/>
      <c r="K51" s="1232"/>
      <c r="L51" s="1232"/>
      <c r="M51" s="1232"/>
      <c r="N51" s="1232"/>
      <c r="O51" s="1232"/>
      <c r="P51" s="1232"/>
      <c r="Q51" s="1232"/>
      <c r="R51" s="43"/>
      <c r="S51" s="43"/>
      <c r="T51" s="1232"/>
      <c r="U51" s="1232"/>
      <c r="V51" s="1232"/>
      <c r="W51" s="1232"/>
      <c r="X51" s="43"/>
      <c r="Y51" s="44"/>
      <c r="Z51" s="1232"/>
      <c r="AA51" s="1232"/>
      <c r="AB51" s="1232"/>
      <c r="AC51" s="1190"/>
      <c r="AD51" s="1191"/>
      <c r="AE51" s="1191"/>
      <c r="AF51" s="1191"/>
      <c r="AG51" s="1191"/>
      <c r="AH51" s="1192"/>
      <c r="AI51" s="1267"/>
      <c r="AJ51" s="1268"/>
      <c r="AK51" s="1268"/>
      <c r="AL51" s="1268"/>
      <c r="AM51" s="1268"/>
      <c r="AN51" s="1268"/>
      <c r="AO51" s="1268"/>
      <c r="AP51" s="1268"/>
      <c r="AQ51" s="1268"/>
      <c r="AR51" s="1268"/>
      <c r="AS51" s="1268"/>
      <c r="AT51" s="1268"/>
      <c r="AU51" s="1268"/>
      <c r="AV51" s="1268"/>
      <c r="AW51" s="1268"/>
      <c r="AX51" s="1268"/>
      <c r="AY51" s="1268"/>
      <c r="AZ51" s="1269"/>
    </row>
    <row r="52" spans="1:52" ht="11.25" customHeight="1" x14ac:dyDescent="0.2">
      <c r="A52" s="11"/>
      <c r="B52" s="7"/>
      <c r="C52" s="7"/>
      <c r="D52" s="7"/>
      <c r="E52" s="7"/>
      <c r="F52" s="7"/>
      <c r="G52" s="7"/>
      <c r="H52" s="7"/>
      <c r="I52" s="7"/>
      <c r="J52" s="7"/>
      <c r="K52" s="7"/>
      <c r="L52" s="7"/>
      <c r="M52" s="7"/>
      <c r="N52" s="7"/>
      <c r="O52" s="7"/>
      <c r="P52" s="7"/>
      <c r="Q52" s="7"/>
      <c r="R52" s="7"/>
      <c r="S52" s="7"/>
      <c r="T52" s="7"/>
      <c r="U52" s="7"/>
      <c r="V52" s="7"/>
      <c r="W52" s="7"/>
      <c r="X52" s="7"/>
      <c r="Y52" s="27"/>
      <c r="Z52" s="37"/>
      <c r="AA52" s="37"/>
      <c r="AB52" s="37"/>
      <c r="AC52" s="37"/>
      <c r="AD52" s="37"/>
      <c r="AE52" s="37"/>
      <c r="AF52" s="37"/>
      <c r="AG52" s="6"/>
      <c r="AH52" s="6"/>
      <c r="AI52" s="6"/>
      <c r="AJ52" s="6"/>
      <c r="AK52" s="6"/>
      <c r="AL52" s="6"/>
      <c r="AM52" s="45"/>
      <c r="AN52" s="45"/>
      <c r="AO52" s="45"/>
      <c r="AP52" s="45"/>
      <c r="AQ52" s="45"/>
      <c r="AR52" s="45"/>
      <c r="AS52" s="45"/>
      <c r="AT52" s="45"/>
      <c r="AU52" s="45"/>
      <c r="AV52" s="45"/>
      <c r="AW52" s="45"/>
      <c r="AX52" s="45"/>
      <c r="AY52" s="45"/>
      <c r="AZ52" s="45"/>
    </row>
    <row r="53" spans="1:52" ht="11.25" customHeight="1" x14ac:dyDescent="0.2">
      <c r="A53" s="11"/>
      <c r="B53" s="5" t="s">
        <v>23</v>
      </c>
      <c r="C53" s="5"/>
      <c r="D53" s="6"/>
      <c r="E53" s="5"/>
      <c r="F53" s="5"/>
      <c r="G53" s="5"/>
      <c r="H53" s="5"/>
      <c r="I53" s="5"/>
      <c r="J53" s="5"/>
      <c r="K53" s="5"/>
      <c r="L53" s="5"/>
      <c r="M53" s="5"/>
      <c r="N53" s="7"/>
      <c r="O53" s="7"/>
      <c r="P53" s="7"/>
      <c r="Q53" s="7"/>
      <c r="R53" s="7"/>
      <c r="S53" s="7"/>
      <c r="T53" s="7"/>
      <c r="U53" s="7"/>
      <c r="V53" s="7"/>
      <c r="W53" s="7"/>
      <c r="X53" s="7"/>
      <c r="Y53" s="5"/>
      <c r="Z53" s="7"/>
      <c r="AA53" s="7"/>
      <c r="AB53" s="7"/>
      <c r="AC53" s="7"/>
      <c r="AD53" s="7"/>
      <c r="AE53" s="7"/>
      <c r="AF53" s="7"/>
      <c r="AG53" s="7"/>
      <c r="AH53" s="7"/>
      <c r="AI53" s="7"/>
      <c r="AJ53" s="7"/>
      <c r="AK53" s="7"/>
      <c r="AL53" s="7"/>
      <c r="AM53" s="7"/>
      <c r="AN53" s="7"/>
      <c r="AO53" s="7"/>
      <c r="AP53" s="7"/>
      <c r="AQ53" s="7"/>
      <c r="AR53" s="7"/>
      <c r="AS53" s="7"/>
      <c r="AT53" s="7"/>
      <c r="AU53" s="7"/>
      <c r="AV53" s="7"/>
      <c r="AW53" s="7"/>
      <c r="AX53" s="7"/>
      <c r="AY53" s="7"/>
      <c r="AZ53" s="7"/>
    </row>
    <row r="54" spans="1:52" ht="11.25" customHeight="1" x14ac:dyDescent="0.2">
      <c r="A54" s="11"/>
      <c r="B54" s="8" t="s">
        <v>24</v>
      </c>
      <c r="C54" s="8"/>
      <c r="D54" s="6"/>
      <c r="E54" s="5"/>
      <c r="F54" s="5"/>
      <c r="G54" s="5"/>
      <c r="H54" s="5"/>
      <c r="I54" s="5"/>
      <c r="J54" s="5"/>
      <c r="K54" s="5"/>
      <c r="L54" s="5"/>
      <c r="M54" s="5"/>
      <c r="N54" s="5"/>
      <c r="O54" s="5"/>
      <c r="P54" s="5"/>
      <c r="Q54" s="5"/>
      <c r="R54" s="5"/>
      <c r="S54" s="5"/>
      <c r="T54" s="5"/>
      <c r="U54" s="5"/>
      <c r="V54" s="5"/>
      <c r="W54" s="5"/>
      <c r="X54" s="5"/>
      <c r="Y54" s="5"/>
      <c r="Z54" s="5"/>
      <c r="AA54" s="5"/>
      <c r="AB54" s="5"/>
      <c r="AC54" s="5"/>
      <c r="AD54" s="5"/>
      <c r="AE54" s="5"/>
      <c r="AF54" s="5"/>
      <c r="AG54" s="5"/>
      <c r="AH54" s="5"/>
      <c r="AI54" s="5"/>
      <c r="AJ54" s="5"/>
      <c r="AK54" s="5"/>
      <c r="AL54" s="5"/>
      <c r="AM54" s="5"/>
      <c r="AN54" s="5"/>
      <c r="AO54" s="5"/>
      <c r="AP54" s="5"/>
      <c r="AQ54" s="5"/>
      <c r="AR54" s="5"/>
      <c r="AS54" s="5"/>
      <c r="AT54" s="5"/>
      <c r="AU54" s="5"/>
      <c r="AV54" s="5"/>
      <c r="AW54" s="5"/>
      <c r="AX54" s="5"/>
      <c r="AY54" s="5"/>
      <c r="AZ54" s="5"/>
    </row>
    <row r="55" spans="1:52" ht="11.25" customHeight="1" x14ac:dyDescent="0.2">
      <c r="A55" s="11"/>
      <c r="B55" s="1261" t="s">
        <v>25</v>
      </c>
      <c r="C55" s="1261"/>
      <c r="D55" s="1261"/>
      <c r="E55" s="1261"/>
      <c r="F55" s="1261"/>
      <c r="G55" s="1261"/>
      <c r="H55" s="1261"/>
      <c r="I55" s="1261"/>
      <c r="J55" s="1261"/>
      <c r="K55" s="1261"/>
      <c r="L55" s="1261"/>
      <c r="M55" s="1261"/>
      <c r="N55" s="1261"/>
      <c r="O55" s="1261"/>
      <c r="P55" s="1261"/>
      <c r="Q55" s="1261"/>
      <c r="R55" s="1261"/>
      <c r="S55" s="1261"/>
      <c r="T55" s="1261"/>
      <c r="U55" s="1261"/>
      <c r="V55" s="1261"/>
      <c r="W55" s="1261"/>
      <c r="X55" s="1261"/>
      <c r="Y55" s="1261"/>
      <c r="Z55" s="1261"/>
      <c r="AA55" s="1261"/>
      <c r="AB55" s="1261"/>
      <c r="AC55" s="1261"/>
      <c r="AD55" s="1261"/>
      <c r="AE55" s="1261"/>
      <c r="AF55" s="1261"/>
      <c r="AG55" s="1261"/>
      <c r="AH55" s="1261"/>
      <c r="AI55" s="1261"/>
      <c r="AJ55" s="1261"/>
      <c r="AK55" s="1261"/>
      <c r="AL55" s="1261"/>
      <c r="AM55" s="1261"/>
      <c r="AN55" s="1261"/>
      <c r="AO55" s="1261"/>
      <c r="AP55" s="1261"/>
      <c r="AQ55" s="1261"/>
      <c r="AR55" s="1261"/>
      <c r="AS55" s="1261"/>
      <c r="AT55" s="1261"/>
      <c r="AU55" s="1261"/>
      <c r="AV55" s="1261"/>
      <c r="AW55" s="1261"/>
      <c r="AX55" s="1261"/>
      <c r="AY55" s="5"/>
      <c r="AZ55" s="5"/>
    </row>
    <row r="56" spans="1:52" ht="11.25" customHeight="1" x14ac:dyDescent="0.2">
      <c r="A56" s="11"/>
      <c r="B56" s="1261"/>
      <c r="C56" s="1261"/>
      <c r="D56" s="1261"/>
      <c r="E56" s="1261"/>
      <c r="F56" s="1261"/>
      <c r="G56" s="1261"/>
      <c r="H56" s="1261"/>
      <c r="I56" s="1261"/>
      <c r="J56" s="1261"/>
      <c r="K56" s="1261"/>
      <c r="L56" s="1261"/>
      <c r="M56" s="1261"/>
      <c r="N56" s="1261"/>
      <c r="O56" s="1261"/>
      <c r="P56" s="1261"/>
      <c r="Q56" s="1261"/>
      <c r="R56" s="1261"/>
      <c r="S56" s="1261"/>
      <c r="T56" s="1261"/>
      <c r="U56" s="1261"/>
      <c r="V56" s="1261"/>
      <c r="W56" s="1261"/>
      <c r="X56" s="1261"/>
      <c r="Y56" s="1261"/>
      <c r="Z56" s="1261"/>
      <c r="AA56" s="1261"/>
      <c r="AB56" s="1261"/>
      <c r="AC56" s="1261"/>
      <c r="AD56" s="1261"/>
      <c r="AE56" s="1261"/>
      <c r="AF56" s="1261"/>
      <c r="AG56" s="1261"/>
      <c r="AH56" s="1261"/>
      <c r="AI56" s="1261"/>
      <c r="AJ56" s="1261"/>
      <c r="AK56" s="1261"/>
      <c r="AL56" s="1261"/>
      <c r="AM56" s="1261"/>
      <c r="AN56" s="1261"/>
      <c r="AO56" s="1261"/>
      <c r="AP56" s="1261"/>
      <c r="AQ56" s="1261"/>
      <c r="AR56" s="1261"/>
      <c r="AS56" s="1261"/>
      <c r="AT56" s="1261"/>
      <c r="AU56" s="1261"/>
      <c r="AV56" s="1261"/>
      <c r="AW56" s="1261"/>
      <c r="AX56" s="1261"/>
      <c r="AY56" s="5"/>
      <c r="AZ56" s="5"/>
    </row>
    <row r="57" spans="1:52" ht="11.25" customHeight="1" x14ac:dyDescent="0.2">
      <c r="A57" s="11"/>
      <c r="B57" s="1262" t="s">
        <v>26</v>
      </c>
      <c r="C57" s="1262"/>
      <c r="D57" s="1262"/>
      <c r="E57" s="1262"/>
      <c r="F57" s="1262"/>
      <c r="G57" s="1262"/>
      <c r="H57" s="1262"/>
      <c r="I57" s="1262"/>
      <c r="J57" s="1262"/>
      <c r="K57" s="1262"/>
      <c r="L57" s="1262"/>
      <c r="M57" s="1262"/>
      <c r="N57" s="1262"/>
      <c r="O57" s="1262"/>
      <c r="P57" s="1262"/>
      <c r="Q57" s="1262"/>
      <c r="R57" s="1262"/>
      <c r="S57" s="1262"/>
      <c r="T57" s="1262"/>
      <c r="U57" s="1262"/>
      <c r="V57" s="7"/>
      <c r="W57" s="1262" t="s">
        <v>27</v>
      </c>
      <c r="X57" s="1262"/>
      <c r="Y57" s="1262"/>
      <c r="Z57" s="1262"/>
      <c r="AA57" s="1262"/>
      <c r="AB57" s="1262"/>
      <c r="AC57" s="1262"/>
      <c r="AD57" s="1262"/>
      <c r="AE57" s="1262"/>
      <c r="AF57" s="1262"/>
      <c r="AG57" s="1262"/>
      <c r="AH57" s="1262"/>
      <c r="AI57" s="1262"/>
      <c r="AJ57" s="1262"/>
      <c r="AK57" s="1262"/>
      <c r="AL57" s="1262"/>
      <c r="AM57" s="1262"/>
      <c r="AN57" s="1262"/>
      <c r="AO57" s="1262"/>
      <c r="AP57" s="1262"/>
      <c r="AQ57" s="7"/>
      <c r="AR57" s="7"/>
      <c r="AS57" s="7"/>
      <c r="AT57" s="7"/>
      <c r="AU57" s="5"/>
      <c r="AV57" s="5"/>
      <c r="AW57" s="5"/>
      <c r="AX57" s="5"/>
      <c r="AY57" s="5"/>
      <c r="AZ57" s="5"/>
    </row>
    <row r="58" spans="1:52" ht="11.25" customHeight="1" x14ac:dyDescent="0.2">
      <c r="A58" s="11"/>
      <c r="B58" s="5"/>
      <c r="C58" s="5"/>
      <c r="D58" s="5"/>
      <c r="E58" s="5"/>
      <c r="F58" s="5"/>
      <c r="G58" s="5"/>
      <c r="H58" s="5"/>
      <c r="I58" s="5"/>
      <c r="J58" s="5"/>
      <c r="K58" s="5"/>
      <c r="L58" s="5"/>
      <c r="M58" s="5"/>
      <c r="N58" s="5"/>
      <c r="O58" s="5"/>
      <c r="P58" s="8"/>
      <c r="Q58" s="5"/>
      <c r="R58" s="5"/>
      <c r="S58" s="5"/>
      <c r="T58" s="5"/>
      <c r="U58" s="5"/>
      <c r="V58" s="5"/>
      <c r="W58" s="5"/>
      <c r="X58" s="5"/>
      <c r="Y58" s="5"/>
      <c r="Z58" s="5"/>
      <c r="AA58" s="5"/>
      <c r="AB58" s="5"/>
      <c r="AC58" s="5"/>
      <c r="AD58" s="5"/>
      <c r="AE58" s="5"/>
      <c r="AF58" s="5"/>
      <c r="AG58" s="5"/>
      <c r="AH58" s="5"/>
      <c r="AI58" s="5"/>
      <c r="AJ58" s="5"/>
      <c r="AK58" s="5"/>
      <c r="AL58" s="5"/>
      <c r="AM58" s="5"/>
      <c r="AN58" s="5"/>
      <c r="AO58" s="5"/>
      <c r="AP58" s="5"/>
      <c r="AQ58" s="5"/>
      <c r="AR58" s="5"/>
      <c r="AS58" s="5"/>
      <c r="AT58" s="5"/>
      <c r="AU58" s="5"/>
      <c r="AV58" s="5"/>
      <c r="AW58" s="5"/>
      <c r="AX58" s="5"/>
      <c r="AY58" s="5"/>
      <c r="AZ58" s="5"/>
    </row>
    <row r="59" spans="1:52" ht="11.25" customHeight="1" x14ac:dyDescent="0.2">
      <c r="A59" s="11"/>
      <c r="B59" s="1186" t="s">
        <v>28</v>
      </c>
      <c r="C59" s="1186"/>
      <c r="D59" s="1186"/>
      <c r="E59" s="1186"/>
      <c r="F59" s="7"/>
      <c r="G59" s="1263" t="s">
        <v>29</v>
      </c>
      <c r="H59" s="1263"/>
      <c r="I59" s="1263"/>
      <c r="J59" s="1263"/>
      <c r="K59" s="1263"/>
      <c r="L59" s="1263"/>
      <c r="M59" s="1263"/>
      <c r="N59" s="9"/>
      <c r="O59" s="9"/>
      <c r="P59" s="9"/>
      <c r="Q59" s="9"/>
      <c r="R59" s="9"/>
      <c r="S59" s="9"/>
      <c r="T59" s="9"/>
      <c r="U59" s="9"/>
      <c r="V59" s="9"/>
      <c r="W59" s="9"/>
      <c r="X59" s="9"/>
      <c r="Y59" s="9"/>
      <c r="Z59" s="9"/>
      <c r="AA59" s="9"/>
      <c r="AB59" s="9"/>
      <c r="AC59" s="9"/>
      <c r="AD59" s="9"/>
      <c r="AE59" s="9"/>
      <c r="AF59" s="9"/>
      <c r="AG59" s="9"/>
      <c r="AH59" s="9"/>
      <c r="AI59" s="9"/>
      <c r="AJ59" s="9"/>
      <c r="AK59" s="5"/>
      <c r="AL59" s="5"/>
      <c r="AM59" s="5"/>
      <c r="AN59" s="5"/>
      <c r="AO59" s="5"/>
      <c r="AP59" s="5"/>
      <c r="AQ59" s="5"/>
      <c r="AR59" s="5"/>
      <c r="AS59" s="5"/>
      <c r="AT59" s="5"/>
      <c r="AU59" s="5"/>
      <c r="AV59" s="5"/>
      <c r="AW59" s="5"/>
      <c r="AX59" s="5"/>
      <c r="AY59" s="5"/>
      <c r="AZ59" s="5"/>
    </row>
    <row r="60" spans="1:52" ht="11.25" customHeight="1" x14ac:dyDescent="0.2">
      <c r="A60" s="11"/>
      <c r="B60" s="6"/>
      <c r="C60" s="6"/>
      <c r="D60" s="6"/>
      <c r="E60" s="6"/>
      <c r="F60" s="7"/>
      <c r="G60" s="10"/>
      <c r="H60" s="10"/>
      <c r="I60" s="10"/>
      <c r="J60" s="10"/>
      <c r="K60" s="10"/>
      <c r="L60" s="10"/>
      <c r="M60" s="10"/>
      <c r="N60" s="9"/>
      <c r="O60" s="9"/>
      <c r="P60" s="9"/>
      <c r="Q60" s="9"/>
      <c r="R60" s="9"/>
      <c r="S60" s="9"/>
      <c r="T60" s="9"/>
      <c r="U60" s="9"/>
      <c r="V60" s="9"/>
      <c r="W60" s="9"/>
      <c r="X60" s="9"/>
      <c r="Y60" s="9"/>
      <c r="Z60" s="9"/>
      <c r="AA60" s="9"/>
      <c r="AB60" s="9"/>
      <c r="AC60" s="9"/>
      <c r="AD60" s="9"/>
      <c r="AE60" s="9"/>
      <c r="AF60" s="9"/>
      <c r="AG60" s="9"/>
      <c r="AH60" s="9"/>
      <c r="AI60" s="9"/>
      <c r="AJ60" s="9"/>
      <c r="AK60" s="5"/>
      <c r="AL60" s="5"/>
      <c r="AM60" s="5"/>
      <c r="AN60" s="5"/>
      <c r="AO60" s="5"/>
      <c r="AP60" s="5"/>
      <c r="AQ60" s="5"/>
      <c r="AR60" s="5"/>
      <c r="AS60" s="5"/>
      <c r="AT60" s="5"/>
      <c r="AU60" s="5"/>
      <c r="AV60" s="5"/>
      <c r="AW60" s="5"/>
      <c r="AX60" s="5"/>
      <c r="AY60" s="5"/>
      <c r="AZ60" s="5"/>
    </row>
    <row r="61" spans="1:52" ht="11.25" customHeight="1" x14ac:dyDescent="0.2">
      <c r="A61" s="11"/>
      <c r="B61" s="5"/>
      <c r="C61" s="5"/>
      <c r="D61" s="6"/>
      <c r="E61" s="5"/>
      <c r="F61" s="5"/>
      <c r="G61" s="5"/>
      <c r="H61" s="5"/>
      <c r="I61" s="5"/>
      <c r="J61" s="5"/>
      <c r="K61" s="5"/>
      <c r="L61" s="5"/>
      <c r="M61" s="5"/>
      <c r="N61" s="5"/>
      <c r="O61" s="5"/>
      <c r="P61" s="5"/>
      <c r="Q61" s="5"/>
      <c r="R61" s="5"/>
      <c r="S61" s="5"/>
      <c r="T61" s="5"/>
      <c r="U61" s="5"/>
      <c r="V61" s="5"/>
      <c r="W61" s="5"/>
      <c r="X61" s="5"/>
      <c r="Y61" s="5"/>
      <c r="Z61" s="5"/>
      <c r="AA61" s="5"/>
      <c r="AB61" s="5"/>
      <c r="AC61" s="5"/>
      <c r="AD61" s="5"/>
      <c r="AE61" s="5"/>
      <c r="AF61" s="5"/>
      <c r="AG61" s="5"/>
      <c r="AH61" s="5"/>
      <c r="AI61" s="5"/>
      <c r="AJ61" s="5"/>
      <c r="AK61" s="5"/>
      <c r="AL61" s="5"/>
      <c r="AM61" s="5"/>
      <c r="AN61" s="5"/>
      <c r="AO61" s="5"/>
      <c r="AP61" s="5"/>
      <c r="AQ61" s="5"/>
      <c r="AR61" s="5"/>
      <c r="AS61" s="5"/>
      <c r="AT61" s="5"/>
      <c r="AU61" s="5"/>
      <c r="AV61" s="5"/>
      <c r="AW61" s="5"/>
      <c r="AX61" s="5"/>
      <c r="AY61" s="5"/>
      <c r="AZ61" s="5"/>
    </row>
    <row r="62" spans="1:52" ht="11.25" customHeight="1" x14ac:dyDescent="0.2">
      <c r="A62" s="5"/>
      <c r="B62" s="46" t="s">
        <v>62</v>
      </c>
      <c r="C62" s="5"/>
      <c r="D62" s="6"/>
      <c r="E62" s="5"/>
      <c r="F62" s="5"/>
      <c r="G62" s="5"/>
      <c r="H62" s="9"/>
      <c r="I62" s="9"/>
      <c r="J62" s="9"/>
      <c r="K62" s="9"/>
      <c r="L62" s="9"/>
      <c r="M62" s="9"/>
      <c r="N62" s="9"/>
      <c r="O62" s="9"/>
      <c r="P62" s="9"/>
      <c r="Q62" s="9"/>
      <c r="R62" s="9"/>
      <c r="S62" s="9"/>
      <c r="T62" s="9"/>
      <c r="U62" s="9"/>
      <c r="V62" s="9"/>
      <c r="W62" s="9"/>
      <c r="X62" s="9"/>
      <c r="Y62" s="9"/>
      <c r="Z62" s="9"/>
      <c r="AA62" s="9"/>
      <c r="AB62" s="9"/>
      <c r="AC62" s="9"/>
      <c r="AD62" s="9"/>
      <c r="AE62" s="9"/>
      <c r="AF62" s="9"/>
      <c r="AG62" s="9"/>
      <c r="AH62" s="9"/>
      <c r="AI62" s="9"/>
      <c r="AJ62" s="9"/>
      <c r="AK62" s="5"/>
      <c r="AL62" s="5"/>
      <c r="AM62" s="5"/>
      <c r="AN62" s="5"/>
      <c r="AO62" s="5"/>
      <c r="AP62" s="5"/>
      <c r="AQ62" s="5"/>
      <c r="AR62" s="5"/>
      <c r="AS62" s="5"/>
      <c r="AT62" s="5"/>
      <c r="AU62" s="5"/>
      <c r="AV62" s="5"/>
      <c r="AW62" s="5"/>
      <c r="AX62" s="5"/>
      <c r="AY62" s="5"/>
      <c r="AZ62" s="5"/>
    </row>
    <row r="63" spans="1:52" ht="11.25" customHeight="1" x14ac:dyDescent="0.2">
      <c r="A63" s="5"/>
      <c r="B63" s="46" t="s">
        <v>63</v>
      </c>
      <c r="C63" s="5"/>
      <c r="D63" s="6"/>
      <c r="E63" s="5"/>
      <c r="F63" s="5"/>
      <c r="G63" s="5"/>
      <c r="H63" s="9"/>
      <c r="I63" s="9"/>
      <c r="J63" s="9"/>
      <c r="K63" s="9"/>
      <c r="L63" s="9"/>
      <c r="M63" s="9"/>
      <c r="N63" s="9"/>
      <c r="O63" s="9"/>
      <c r="P63" s="9"/>
      <c r="Q63" s="9"/>
      <c r="R63" s="9"/>
      <c r="S63" s="9"/>
      <c r="T63" s="9"/>
      <c r="U63" s="9"/>
      <c r="V63" s="9"/>
      <c r="W63" s="9"/>
      <c r="X63" s="9"/>
      <c r="Y63" s="9"/>
      <c r="Z63" s="9"/>
      <c r="AA63" s="9"/>
      <c r="AB63" s="9"/>
      <c r="AC63" s="9"/>
      <c r="AD63" s="9"/>
      <c r="AE63" s="9"/>
      <c r="AF63" s="9"/>
      <c r="AG63" s="9"/>
      <c r="AH63" s="9"/>
      <c r="AI63" s="9"/>
      <c r="AJ63" s="9"/>
      <c r="AK63" s="5"/>
      <c r="AL63" s="5"/>
      <c r="AM63" s="5"/>
      <c r="AN63" s="5"/>
      <c r="AO63" s="5"/>
      <c r="AP63" s="5"/>
      <c r="AQ63" s="5"/>
      <c r="AR63" s="5"/>
      <c r="AS63" s="5"/>
      <c r="AT63" s="5"/>
      <c r="AU63" s="5"/>
      <c r="AV63" s="5"/>
      <c r="AW63" s="5"/>
      <c r="AX63" s="5"/>
      <c r="AY63" s="5"/>
      <c r="AZ63" s="5"/>
    </row>
    <row r="64" spans="1:52" ht="11.25" customHeight="1" x14ac:dyDescent="0.2">
      <c r="A64" s="5"/>
      <c r="B64" s="46" t="s">
        <v>64</v>
      </c>
      <c r="C64" s="5"/>
      <c r="D64" s="6"/>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row>
    <row r="65" spans="1:52" ht="11.25" customHeight="1" x14ac:dyDescent="0.2">
      <c r="A65" s="5"/>
      <c r="B65" s="46" t="s">
        <v>65</v>
      </c>
      <c r="C65" s="5"/>
      <c r="D65" s="6"/>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row>
    <row r="66" spans="1:52" ht="11.25" customHeight="1" x14ac:dyDescent="0.2">
      <c r="A66" s="5"/>
      <c r="B66" s="46" t="s">
        <v>66</v>
      </c>
      <c r="C66" s="5"/>
      <c r="D66" s="6"/>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5"/>
      <c r="AW66" s="5"/>
      <c r="AX66" s="5"/>
      <c r="AY66" s="5"/>
      <c r="AZ66" s="5"/>
    </row>
    <row r="67" spans="1:52" ht="11.25" customHeight="1" x14ac:dyDescent="0.2">
      <c r="A67" s="5"/>
      <c r="B67" s="46" t="s">
        <v>67</v>
      </c>
      <c r="C67" s="5"/>
      <c r="D67" s="6"/>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row>
    <row r="68" spans="1:52" ht="11.25" customHeight="1" x14ac:dyDescent="0.2">
      <c r="A68" s="5"/>
      <c r="B68" s="46" t="s">
        <v>68</v>
      </c>
      <c r="C68" s="5"/>
      <c r="D68" s="6"/>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47"/>
      <c r="AQ68" s="47"/>
      <c r="AR68" s="47"/>
      <c r="AS68" s="47"/>
      <c r="AT68" s="47"/>
      <c r="AU68" s="47"/>
      <c r="AV68" s="47"/>
      <c r="AW68" s="47"/>
      <c r="AX68" s="47"/>
      <c r="AY68" s="5"/>
      <c r="AZ68" s="5"/>
    </row>
    <row r="69" spans="1:52" ht="11.25" customHeight="1" x14ac:dyDescent="0.2">
      <c r="A69" s="5"/>
      <c r="B69" s="46" t="s">
        <v>69</v>
      </c>
      <c r="C69" s="5"/>
      <c r="D69" s="6"/>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47"/>
      <c r="AS69" s="47"/>
      <c r="AT69" s="47"/>
      <c r="AU69" s="47"/>
      <c r="AV69" s="47"/>
      <c r="AW69" s="47"/>
      <c r="AX69" s="47"/>
      <c r="AY69" s="47"/>
      <c r="AZ69" s="47"/>
    </row>
    <row r="70" spans="1:52" ht="11.25" customHeight="1" x14ac:dyDescent="0.2">
      <c r="A70" s="17"/>
      <c r="B70" s="17"/>
      <c r="C70" s="17"/>
      <c r="D70" s="35"/>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259" t="s">
        <v>70</v>
      </c>
      <c r="AS70" s="1259"/>
      <c r="AT70" s="1260"/>
      <c r="AU70" s="1260"/>
      <c r="AV70" s="1260"/>
      <c r="AW70" s="1260"/>
      <c r="AX70" s="1260"/>
      <c r="AY70" s="8" t="s">
        <v>71</v>
      </c>
      <c r="AZ70" s="47"/>
    </row>
  </sheetData>
  <mergeCells count="102">
    <mergeCell ref="AR70:AS70"/>
    <mergeCell ref="AT70:AX70"/>
    <mergeCell ref="B55:AX56"/>
    <mergeCell ref="B57:U57"/>
    <mergeCell ref="W57:AP57"/>
    <mergeCell ref="B59:E59"/>
    <mergeCell ref="G59:M59"/>
    <mergeCell ref="S49:T49"/>
    <mergeCell ref="H50:I50"/>
    <mergeCell ref="J50:K50"/>
    <mergeCell ref="M50:N50"/>
    <mergeCell ref="P50:Q50"/>
    <mergeCell ref="AC50:AH51"/>
    <mergeCell ref="AI50:AZ51"/>
    <mergeCell ref="H51:I51"/>
    <mergeCell ref="J51:K51"/>
    <mergeCell ref="L51:M51"/>
    <mergeCell ref="N51:O51"/>
    <mergeCell ref="P51:Q51"/>
    <mergeCell ref="T51:U51"/>
    <mergeCell ref="V51:W51"/>
    <mergeCell ref="B42:Y43"/>
    <mergeCell ref="Z42:AZ43"/>
    <mergeCell ref="B44:G46"/>
    <mergeCell ref="Z44:AB51"/>
    <mergeCell ref="AC44:AH45"/>
    <mergeCell ref="AI44:AZ44"/>
    <mergeCell ref="AI45:AZ45"/>
    <mergeCell ref="AC46:AH47"/>
    <mergeCell ref="AI46:AZ47"/>
    <mergeCell ref="B47:G48"/>
    <mergeCell ref="H47:Y48"/>
    <mergeCell ref="AC48:AH49"/>
    <mergeCell ref="AT48:AT49"/>
    <mergeCell ref="AU48:AU49"/>
    <mergeCell ref="AV48:AV49"/>
    <mergeCell ref="AW48:AW49"/>
    <mergeCell ref="AX48:AX49"/>
    <mergeCell ref="AY48:AY49"/>
    <mergeCell ref="AZ48:AZ49"/>
    <mergeCell ref="B49:G51"/>
    <mergeCell ref="H49:I49"/>
    <mergeCell ref="J49:K49"/>
    <mergeCell ref="M49:N49"/>
    <mergeCell ref="P49:Q49"/>
    <mergeCell ref="B30:K33"/>
    <mergeCell ref="L30:AZ33"/>
    <mergeCell ref="AV34:AW35"/>
    <mergeCell ref="B36:K38"/>
    <mergeCell ref="L36:AZ38"/>
    <mergeCell ref="B40:AZ41"/>
    <mergeCell ref="B34:K35"/>
    <mergeCell ref="L34:AA35"/>
    <mergeCell ref="AB34:AK35"/>
    <mergeCell ref="AL34:AU35"/>
    <mergeCell ref="AS26:AT27"/>
    <mergeCell ref="AU26:AV27"/>
    <mergeCell ref="AW26:AX27"/>
    <mergeCell ref="AY26:AZ27"/>
    <mergeCell ref="B28:K29"/>
    <mergeCell ref="L28:V29"/>
    <mergeCell ref="W28:X29"/>
    <mergeCell ref="W26:X27"/>
    <mergeCell ref="Y26:Z27"/>
    <mergeCell ref="AB26:AK27"/>
    <mergeCell ref="AL26:AN27"/>
    <mergeCell ref="AO26:AP27"/>
    <mergeCell ref="AQ26:AR27"/>
    <mergeCell ref="B26:K27"/>
    <mergeCell ref="L26:N27"/>
    <mergeCell ref="O26:P27"/>
    <mergeCell ref="Q26:R27"/>
    <mergeCell ref="S26:T27"/>
    <mergeCell ref="U26:V27"/>
    <mergeCell ref="B24:K25"/>
    <mergeCell ref="W24:Y25"/>
    <mergeCell ref="Z24:AA25"/>
    <mergeCell ref="AB24:AC25"/>
    <mergeCell ref="AD24:AE25"/>
    <mergeCell ref="AF24:AG25"/>
    <mergeCell ref="AH24:AI25"/>
    <mergeCell ref="AJ24:AK25"/>
    <mergeCell ref="AL24:AM25"/>
    <mergeCell ref="A2:AZ3"/>
    <mergeCell ref="AD11:AM12"/>
    <mergeCell ref="AN11:AO12"/>
    <mergeCell ref="AC13:AM14"/>
    <mergeCell ref="AN13:AO14"/>
    <mergeCell ref="AX14:AZ16"/>
    <mergeCell ref="B21:K22"/>
    <mergeCell ref="L21:AF22"/>
    <mergeCell ref="AG21:AP22"/>
    <mergeCell ref="AQ21:AQ22"/>
    <mergeCell ref="AR21:AR22"/>
    <mergeCell ref="AS21:AS22"/>
    <mergeCell ref="AT21:AT22"/>
    <mergeCell ref="AU21:AU22"/>
    <mergeCell ref="AV21:AV22"/>
    <mergeCell ref="AW21:AW22"/>
    <mergeCell ref="AX21:AX22"/>
    <mergeCell ref="AY21:AY22"/>
    <mergeCell ref="AZ21:AZ22"/>
  </mergeCells>
  <phoneticPr fontId="3"/>
  <pageMargins left="0.39370078740157483" right="0.39370078740157483" top="0.59055118110236227" bottom="0.59055118110236227" header="0.51181102362204722" footer="0.51181102362204722"/>
  <pageSetup paperSize="9" orientation="portrait"/>
  <headerFooter alignWithMargins="0">
    <oddHeader>&amp;R&amp;18参考</oddHeader>
  </headerFooter>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没）支給申請書</vt:lpstr>
      <vt:lpstr>支給申請書 (没)</vt:lpstr>
      <vt:lpstr>申請書</vt:lpstr>
      <vt:lpstr>記入例</vt:lpstr>
      <vt:lpstr>ボツ支給申請</vt:lpstr>
      <vt:lpstr>支給（不支給）決定通知書（元）</vt:lpstr>
      <vt:lpstr>'（没）支給申請書'!Print_Area</vt:lpstr>
      <vt:lpstr>ボツ支給申請!Print_Area</vt:lpstr>
      <vt:lpstr>記入例!Print_Area</vt:lpstr>
      <vt:lpstr>'支給（不支給）決定通知書（元）'!Print_Area</vt:lpstr>
      <vt:lpstr>'支給申請書 (没)'!Print_Area</vt:lpstr>
      <vt:lpstr>申請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佐野 緑哉</dc:creator>
  <cp:lastModifiedBy>user</cp:lastModifiedBy>
  <cp:lastPrinted>2024-12-26T01:04:39Z</cp:lastPrinted>
  <dcterms:created xsi:type="dcterms:W3CDTF">2005-06-14T08:26:56Z</dcterms:created>
  <dcterms:modified xsi:type="dcterms:W3CDTF">2025-08-08T02:55:43Z</dcterms:modified>
</cp:coreProperties>
</file>